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733" r:id="rId13"/>
    <p:sldMasterId id="2147483817" r:id="rId14"/>
    <p:sldMasterId id="2147483812" r:id="rId15"/>
  </p:sldMasterIdLst>
  <p:notesMasterIdLst>
    <p:notesMasterId r:id="rId21"/>
  </p:notesMasterIdLst>
  <p:handoutMasterIdLst>
    <p:handoutMasterId r:id="rId22"/>
  </p:handoutMasterIdLst>
  <p:sldIdLst>
    <p:sldId id="364" r:id="rId16"/>
    <p:sldId id="365" r:id="rId17"/>
    <p:sldId id="367" r:id="rId18"/>
    <p:sldId id="366" r:id="rId19"/>
    <p:sldId id="256" r:id="rId20"/>
  </p:sldIdLst>
  <p:sldSz cx="12195175" cy="6858000"/>
  <p:notesSz cx="6858000" cy="9144000"/>
  <p:custDataLst>
    <p:tags r:id="rId2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07" autoAdjust="0"/>
    <p:restoredTop sz="96186" autoAdjust="0"/>
  </p:normalViewPr>
  <p:slideViewPr>
    <p:cSldViewPr snapToGrid="0" showGuides="1">
      <p:cViewPr varScale="1">
        <p:scale>
          <a:sx n="69" d="100"/>
          <a:sy n="69" d="100"/>
        </p:scale>
        <p:origin x="68" y="928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3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3.xml"/><Relationship Id="rId23" Type="http://schemas.openxmlformats.org/officeDocument/2006/relationships/tags" Target="tags/tag1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2.xml"/><Relationship Id="rId22" Type="http://schemas.openxmlformats.org/officeDocument/2006/relationships/handoutMaster" Target="handoutMasters/handoutMaster1.xml"/><Relationship Id="rId27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 dirty="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6239538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4794026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3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03285988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4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30986330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37451236-BF8E-934B-B7DE-1ADB8A004F3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TextBox 9" descr="{&quot;templafy&quot;:{&quot;id&quot;:&quot;3d0d5983-64ff-46a2-a95f-e749984b4f30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kern="0" dirty="0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14208975" name="Acquired Company Logo Placeholder" descr="{&quot;templafy&quot;:{&quot;id&quot;:&quot;f7700804-26cf-44f4-886b-84c4902a36e1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  <p:pic>
        <p:nvPicPr>
          <p:cNvPr id="2" name="SAP Logo Placeholder">
            <a:extLst>
              <a:ext uri="{FF2B5EF4-FFF2-40B4-BE49-F238E27FC236}">
                <a16:creationId xmlns:a16="http://schemas.microsoft.com/office/drawing/2014/main" id="{16F0BCBB-32D2-9381-71DE-93D5BA6B036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41d41bb3-dcd8-4372-9925-71500d8f3f4a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kern="0" dirty="0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3" name="SAP Logo Placeholder">
            <a:extLst>
              <a:ext uri="{FF2B5EF4-FFF2-40B4-BE49-F238E27FC236}">
                <a16:creationId xmlns:a16="http://schemas.microsoft.com/office/drawing/2014/main" id="{07653615-DE80-859A-7991-7BC4348765FD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pic>
        <p:nvPicPr>
          <p:cNvPr id="1120431071" name="Acquired Company Logo Placeholder" descr="{&quot;templafy&quot;:{&quot;id&quot;:&quot;aa4ed536-699c-4dd2-9dfa-64db60db2f76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insert title image or illustration</a:t>
            </a:r>
          </a:p>
        </p:txBody>
      </p:sp>
      <p:sp>
        <p:nvSpPr>
          <p:cNvPr id="12" name="TextBox 11" descr="{&quot;templafy&quot;:{&quot;id&quot;:&quot;adbed1db-c354-4a1b-8762-a2e36537f5bc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0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13" descr="{&quot;templafy&quot;:{&quot;id&quot;:&quot;838c43a6-b92e-4cd5-9e90-c0c6b96b89ae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4824819b-6070-49d8-9277-941d6cdc792a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4" name="SAP Logo Placeholder">
            <a:extLst>
              <a:ext uri="{FF2B5EF4-FFF2-40B4-BE49-F238E27FC236}">
                <a16:creationId xmlns:a16="http://schemas.microsoft.com/office/drawing/2014/main" id="{47CB50EF-B1AE-DFA9-06D6-ACD48D0C7C55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lassification" descr="{&quot;templafy&quot;:{&quot;id&quot;:&quot;3f518ea3-90ba-484c-bfef-45af1429a3eb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0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309285700" name="Acquired Company Logo Placeholder" descr="{&quot;templafy&quot;:{&quot;id&quot;:&quot;fe58f946-1287-4e54-9e26-6ca884f18a06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10" name="TextBox 9" descr="{&quot;templafy&quot;:{&quot;id&quot;:&quot;b2c01b11-00e6-47a2-84fe-ad87dfcae16d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TextBox 13" descr="{&quot;templafy&quot;:{&quot;id&quot;:&quot;cdeab843-0742-4bfe-8631-019e21eee2e9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3" name="SAP Logo Placeholder">
            <a:extLst>
              <a:ext uri="{FF2B5EF4-FFF2-40B4-BE49-F238E27FC236}">
                <a16:creationId xmlns:a16="http://schemas.microsoft.com/office/drawing/2014/main" id="{7E34325C-E041-1038-B0D6-F9A7D0A96EE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 dirty="0"/>
          </a:p>
        </p:txBody>
      </p:sp>
      <p:sp>
        <p:nvSpPr>
          <p:cNvPr id="11" name="Classification" descr="{&quot;templafy&quot;:{&quot;id&quot;:&quot;5a092d81-a553-42b7-b546-ff8e36315dd3&quot;}}">
            <a:extLst>
              <a:ext uri="{FF2B5EF4-FFF2-40B4-BE49-F238E27FC236}">
                <a16:creationId xmlns:a16="http://schemas.microsoft.com/office/drawing/2014/main" id="{579B2F34-6F4A-4590-92E9-60572485B8E0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0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78079337" name="Acquired Company Placeholder" descr="{&quot;templafy&quot;:{&quot;id&quot;:&quot;c7020686-adff-4294-9d5f-e225452a3215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08320" y="2015327"/>
            <a:ext cx="4125924" cy="266010"/>
          </a:xfrm>
          <a:prstGeom prst="rect">
            <a:avLst/>
          </a:prstGeom>
        </p:spPr>
      </p:pic>
      <p:sp>
        <p:nvSpPr>
          <p:cNvPr id="14" name="TextBox 13" descr="{&quot;templafy&quot;:{&quot;id&quot;:&quot;6054fdc0-0921-4dac-b611-020555b0d148&quot;}}">
            <a:extLst>
              <a:ext uri="{FF2B5EF4-FFF2-40B4-BE49-F238E27FC236}">
                <a16:creationId xmlns:a16="http://schemas.microsoft.com/office/drawing/2014/main" id="{104400F3-30DA-42BD-9477-E89126EB131B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9b4360ee-6b78-427e-999f-d05771b433c6&quot;}}">
            <a:extLst>
              <a:ext uri="{FF2B5EF4-FFF2-40B4-BE49-F238E27FC236}">
                <a16:creationId xmlns:a16="http://schemas.microsoft.com/office/drawing/2014/main" id="{1DA16BA6-203F-4A94-9917-BFF1986FD4F6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3" name="SAP Logo Placeholder">
            <a:extLst>
              <a:ext uri="{FF2B5EF4-FFF2-40B4-BE49-F238E27FC236}">
                <a16:creationId xmlns:a16="http://schemas.microsoft.com/office/drawing/2014/main" id="{E3E1EA1D-E7E2-4B83-F375-57759580635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83915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19604558" name="Acquired Company Logo Placeholder" descr="{&quot;templafy&quot;:{&quot;id&quot;:&quot;2192b02c-205f-4b63-b3e9-1b29ab05e0e0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9a19464a-8964-4a36-a25a-53d5da866c8f&quot;}}">
            <a:extLst>
              <a:ext uri="{FF2B5EF4-FFF2-40B4-BE49-F238E27FC236}">
                <a16:creationId xmlns:a16="http://schemas.microsoft.com/office/drawing/2014/main" id="{98E5DEB1-9722-40B6-89CC-20C572BA33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kern="0" dirty="0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3" name="SAP Logo Placeholder">
            <a:extLst>
              <a:ext uri="{FF2B5EF4-FFF2-40B4-BE49-F238E27FC236}">
                <a16:creationId xmlns:a16="http://schemas.microsoft.com/office/drawing/2014/main" id="{6566E87D-4DFD-0DE7-C92B-76CA1C9B1B28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9692640" y="6054484"/>
            <a:ext cx="2212852" cy="5341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480462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pos="4196" userDrawn="1">
          <p15:clr>
            <a:srgbClr val="FBAE40"/>
          </p15:clr>
        </p15:guide>
        <p15:guide id="4" orient="horz" pos="2688" userDrawn="1">
          <p15:clr>
            <a:srgbClr val="FBAE40"/>
          </p15:clr>
        </p15:guide>
        <p15:guide id="5" orient="horz" pos="2335" userDrawn="1">
          <p15:clr>
            <a:srgbClr val="FBAE40"/>
          </p15:clr>
        </p15:guide>
        <p15:guide id="6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8.xml"/><Relationship Id="rId21" Type="http://schemas.openxmlformats.org/officeDocument/2006/relationships/tags" Target="../tags/tag2.xml"/><Relationship Id="rId42" Type="http://schemas.openxmlformats.org/officeDocument/2006/relationships/tags" Target="../tags/tag23.xml"/><Relationship Id="rId63" Type="http://schemas.openxmlformats.org/officeDocument/2006/relationships/tags" Target="../tags/tag44.xml"/><Relationship Id="rId84" Type="http://schemas.openxmlformats.org/officeDocument/2006/relationships/tags" Target="../tags/tag65.xml"/><Relationship Id="rId138" Type="http://schemas.openxmlformats.org/officeDocument/2006/relationships/tags" Target="../tags/tag119.xml"/><Relationship Id="rId107" Type="http://schemas.openxmlformats.org/officeDocument/2006/relationships/tags" Target="../tags/tag8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3.xml"/><Relationship Id="rId37" Type="http://schemas.openxmlformats.org/officeDocument/2006/relationships/tags" Target="../tags/tag18.xml"/><Relationship Id="rId53" Type="http://schemas.openxmlformats.org/officeDocument/2006/relationships/tags" Target="../tags/tag34.xml"/><Relationship Id="rId58" Type="http://schemas.openxmlformats.org/officeDocument/2006/relationships/tags" Target="../tags/tag39.xml"/><Relationship Id="rId74" Type="http://schemas.openxmlformats.org/officeDocument/2006/relationships/tags" Target="../tags/tag55.xml"/><Relationship Id="rId79" Type="http://schemas.openxmlformats.org/officeDocument/2006/relationships/tags" Target="../tags/tag60.xml"/><Relationship Id="rId102" Type="http://schemas.openxmlformats.org/officeDocument/2006/relationships/tags" Target="../tags/tag83.xml"/><Relationship Id="rId123" Type="http://schemas.openxmlformats.org/officeDocument/2006/relationships/tags" Target="../tags/tag104.xml"/><Relationship Id="rId128" Type="http://schemas.openxmlformats.org/officeDocument/2006/relationships/tags" Target="../tags/tag109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1.xml"/><Relationship Id="rId95" Type="http://schemas.openxmlformats.org/officeDocument/2006/relationships/tags" Target="../tags/tag76.xml"/><Relationship Id="rId22" Type="http://schemas.openxmlformats.org/officeDocument/2006/relationships/tags" Target="../tags/tag3.xml"/><Relationship Id="rId27" Type="http://schemas.openxmlformats.org/officeDocument/2006/relationships/tags" Target="../tags/tag8.xml"/><Relationship Id="rId43" Type="http://schemas.openxmlformats.org/officeDocument/2006/relationships/tags" Target="../tags/tag24.xml"/><Relationship Id="rId48" Type="http://schemas.openxmlformats.org/officeDocument/2006/relationships/tags" Target="../tags/tag29.xml"/><Relationship Id="rId64" Type="http://schemas.openxmlformats.org/officeDocument/2006/relationships/tags" Target="../tags/tag45.xml"/><Relationship Id="rId69" Type="http://schemas.openxmlformats.org/officeDocument/2006/relationships/tags" Target="../tags/tag50.xml"/><Relationship Id="rId113" Type="http://schemas.openxmlformats.org/officeDocument/2006/relationships/tags" Target="../tags/tag94.xml"/><Relationship Id="rId118" Type="http://schemas.openxmlformats.org/officeDocument/2006/relationships/tags" Target="../tags/tag99.xml"/><Relationship Id="rId134" Type="http://schemas.openxmlformats.org/officeDocument/2006/relationships/tags" Target="../tags/tag115.xml"/><Relationship Id="rId139" Type="http://schemas.openxmlformats.org/officeDocument/2006/relationships/tags" Target="../tags/tag120.xml"/><Relationship Id="rId80" Type="http://schemas.openxmlformats.org/officeDocument/2006/relationships/tags" Target="../tags/tag61.xml"/><Relationship Id="rId85" Type="http://schemas.openxmlformats.org/officeDocument/2006/relationships/tags" Target="../tags/tag66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4.xml"/><Relationship Id="rId38" Type="http://schemas.openxmlformats.org/officeDocument/2006/relationships/tags" Target="../tags/tag19.xml"/><Relationship Id="rId59" Type="http://schemas.openxmlformats.org/officeDocument/2006/relationships/tags" Target="../tags/tag40.xml"/><Relationship Id="rId103" Type="http://schemas.openxmlformats.org/officeDocument/2006/relationships/tags" Target="../tags/tag84.xml"/><Relationship Id="rId108" Type="http://schemas.openxmlformats.org/officeDocument/2006/relationships/tags" Target="../tags/tag89.xml"/><Relationship Id="rId124" Type="http://schemas.openxmlformats.org/officeDocument/2006/relationships/tags" Target="../tags/tag105.xml"/><Relationship Id="rId129" Type="http://schemas.openxmlformats.org/officeDocument/2006/relationships/tags" Target="../tags/tag110.xml"/><Relationship Id="rId54" Type="http://schemas.openxmlformats.org/officeDocument/2006/relationships/tags" Target="../tags/tag35.xml"/><Relationship Id="rId70" Type="http://schemas.openxmlformats.org/officeDocument/2006/relationships/tags" Target="../tags/tag51.xml"/><Relationship Id="rId75" Type="http://schemas.openxmlformats.org/officeDocument/2006/relationships/tags" Target="../tags/tag56.xml"/><Relationship Id="rId91" Type="http://schemas.openxmlformats.org/officeDocument/2006/relationships/tags" Target="../tags/tag72.xml"/><Relationship Id="rId96" Type="http://schemas.openxmlformats.org/officeDocument/2006/relationships/tags" Target="../tags/tag77.xml"/><Relationship Id="rId140" Type="http://schemas.openxmlformats.org/officeDocument/2006/relationships/tags" Target="../tags/tag12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4.xml"/><Relationship Id="rId28" Type="http://schemas.openxmlformats.org/officeDocument/2006/relationships/tags" Target="../tags/tag9.xml"/><Relationship Id="rId49" Type="http://schemas.openxmlformats.org/officeDocument/2006/relationships/tags" Target="../tags/tag30.xml"/><Relationship Id="rId114" Type="http://schemas.openxmlformats.org/officeDocument/2006/relationships/tags" Target="../tags/tag95.xml"/><Relationship Id="rId119" Type="http://schemas.openxmlformats.org/officeDocument/2006/relationships/tags" Target="../tags/tag100.xml"/><Relationship Id="rId44" Type="http://schemas.openxmlformats.org/officeDocument/2006/relationships/tags" Target="../tags/tag25.xml"/><Relationship Id="rId60" Type="http://schemas.openxmlformats.org/officeDocument/2006/relationships/tags" Target="../tags/tag41.xml"/><Relationship Id="rId65" Type="http://schemas.openxmlformats.org/officeDocument/2006/relationships/tags" Target="../tags/tag46.xml"/><Relationship Id="rId81" Type="http://schemas.openxmlformats.org/officeDocument/2006/relationships/tags" Target="../tags/tag62.xml"/><Relationship Id="rId86" Type="http://schemas.openxmlformats.org/officeDocument/2006/relationships/tags" Target="../tags/tag67.xml"/><Relationship Id="rId130" Type="http://schemas.openxmlformats.org/officeDocument/2006/relationships/tags" Target="../tags/tag111.xml"/><Relationship Id="rId135" Type="http://schemas.openxmlformats.org/officeDocument/2006/relationships/tags" Target="../tags/tag116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20.xml"/><Relationship Id="rId109" Type="http://schemas.openxmlformats.org/officeDocument/2006/relationships/tags" Target="../tags/tag90.xml"/><Relationship Id="rId34" Type="http://schemas.openxmlformats.org/officeDocument/2006/relationships/tags" Target="../tags/tag15.xml"/><Relationship Id="rId50" Type="http://schemas.openxmlformats.org/officeDocument/2006/relationships/tags" Target="../tags/tag31.xml"/><Relationship Id="rId55" Type="http://schemas.openxmlformats.org/officeDocument/2006/relationships/tags" Target="../tags/tag36.xml"/><Relationship Id="rId76" Type="http://schemas.openxmlformats.org/officeDocument/2006/relationships/tags" Target="../tags/tag57.xml"/><Relationship Id="rId97" Type="http://schemas.openxmlformats.org/officeDocument/2006/relationships/tags" Target="../tags/tag78.xml"/><Relationship Id="rId104" Type="http://schemas.openxmlformats.org/officeDocument/2006/relationships/tags" Target="../tags/tag85.xml"/><Relationship Id="rId120" Type="http://schemas.openxmlformats.org/officeDocument/2006/relationships/tags" Target="../tags/tag101.xml"/><Relationship Id="rId125" Type="http://schemas.openxmlformats.org/officeDocument/2006/relationships/tags" Target="../tags/tag106.xml"/><Relationship Id="rId141" Type="http://schemas.openxmlformats.org/officeDocument/2006/relationships/tags" Target="../tags/tag122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2.xml"/><Relationship Id="rId92" Type="http://schemas.openxmlformats.org/officeDocument/2006/relationships/tags" Target="../tags/tag73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10.xml"/><Relationship Id="rId24" Type="http://schemas.openxmlformats.org/officeDocument/2006/relationships/tags" Target="../tags/tag5.xml"/><Relationship Id="rId40" Type="http://schemas.openxmlformats.org/officeDocument/2006/relationships/tags" Target="../tags/tag21.xml"/><Relationship Id="rId45" Type="http://schemas.openxmlformats.org/officeDocument/2006/relationships/tags" Target="../tags/tag26.xml"/><Relationship Id="rId66" Type="http://schemas.openxmlformats.org/officeDocument/2006/relationships/tags" Target="../tags/tag47.xml"/><Relationship Id="rId87" Type="http://schemas.openxmlformats.org/officeDocument/2006/relationships/tags" Target="../tags/tag68.xml"/><Relationship Id="rId110" Type="http://schemas.openxmlformats.org/officeDocument/2006/relationships/tags" Target="../tags/tag91.xml"/><Relationship Id="rId115" Type="http://schemas.openxmlformats.org/officeDocument/2006/relationships/tags" Target="../tags/tag96.xml"/><Relationship Id="rId131" Type="http://schemas.openxmlformats.org/officeDocument/2006/relationships/tags" Target="../tags/tag112.xml"/><Relationship Id="rId136" Type="http://schemas.openxmlformats.org/officeDocument/2006/relationships/tags" Target="../tags/tag117.xml"/><Relationship Id="rId61" Type="http://schemas.openxmlformats.org/officeDocument/2006/relationships/tags" Target="../tags/tag42.xml"/><Relationship Id="rId82" Type="http://schemas.openxmlformats.org/officeDocument/2006/relationships/tags" Target="../tags/tag6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1.xml"/><Relationship Id="rId35" Type="http://schemas.openxmlformats.org/officeDocument/2006/relationships/tags" Target="../tags/tag16.xml"/><Relationship Id="rId56" Type="http://schemas.openxmlformats.org/officeDocument/2006/relationships/tags" Target="../tags/tag37.xml"/><Relationship Id="rId77" Type="http://schemas.openxmlformats.org/officeDocument/2006/relationships/tags" Target="../tags/tag58.xml"/><Relationship Id="rId100" Type="http://schemas.openxmlformats.org/officeDocument/2006/relationships/tags" Target="../tags/tag81.xml"/><Relationship Id="rId105" Type="http://schemas.openxmlformats.org/officeDocument/2006/relationships/tags" Target="../tags/tag86.xml"/><Relationship Id="rId126" Type="http://schemas.openxmlformats.org/officeDocument/2006/relationships/tags" Target="../tags/tag10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2.xml"/><Relationship Id="rId72" Type="http://schemas.openxmlformats.org/officeDocument/2006/relationships/tags" Target="../tags/tag53.xml"/><Relationship Id="rId93" Type="http://schemas.openxmlformats.org/officeDocument/2006/relationships/tags" Target="../tags/tag74.xml"/><Relationship Id="rId98" Type="http://schemas.openxmlformats.org/officeDocument/2006/relationships/tags" Target="../tags/tag79.xml"/><Relationship Id="rId121" Type="http://schemas.openxmlformats.org/officeDocument/2006/relationships/tags" Target="../tags/tag102.xml"/><Relationship Id="rId142" Type="http://schemas.openxmlformats.org/officeDocument/2006/relationships/tags" Target="../tags/tag123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6.xml"/><Relationship Id="rId46" Type="http://schemas.openxmlformats.org/officeDocument/2006/relationships/tags" Target="../tags/tag27.xml"/><Relationship Id="rId67" Type="http://schemas.openxmlformats.org/officeDocument/2006/relationships/tags" Target="../tags/tag48.xml"/><Relationship Id="rId116" Type="http://schemas.openxmlformats.org/officeDocument/2006/relationships/tags" Target="../tags/tag97.xml"/><Relationship Id="rId137" Type="http://schemas.openxmlformats.org/officeDocument/2006/relationships/tags" Target="../tags/tag118.xml"/><Relationship Id="rId20" Type="http://schemas.openxmlformats.org/officeDocument/2006/relationships/theme" Target="../theme/theme1.xml"/><Relationship Id="rId41" Type="http://schemas.openxmlformats.org/officeDocument/2006/relationships/tags" Target="../tags/tag22.xml"/><Relationship Id="rId62" Type="http://schemas.openxmlformats.org/officeDocument/2006/relationships/tags" Target="../tags/tag43.xml"/><Relationship Id="rId83" Type="http://schemas.openxmlformats.org/officeDocument/2006/relationships/tags" Target="../tags/tag64.xml"/><Relationship Id="rId88" Type="http://schemas.openxmlformats.org/officeDocument/2006/relationships/tags" Target="../tags/tag69.xml"/><Relationship Id="rId111" Type="http://schemas.openxmlformats.org/officeDocument/2006/relationships/tags" Target="../tags/tag92.xml"/><Relationship Id="rId132" Type="http://schemas.openxmlformats.org/officeDocument/2006/relationships/tags" Target="../tags/tag11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7.xml"/><Relationship Id="rId57" Type="http://schemas.openxmlformats.org/officeDocument/2006/relationships/tags" Target="../tags/tag38.xml"/><Relationship Id="rId106" Type="http://schemas.openxmlformats.org/officeDocument/2006/relationships/tags" Target="../tags/tag87.xml"/><Relationship Id="rId127" Type="http://schemas.openxmlformats.org/officeDocument/2006/relationships/tags" Target="../tags/tag10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2.xml"/><Relationship Id="rId52" Type="http://schemas.openxmlformats.org/officeDocument/2006/relationships/tags" Target="../tags/tag33.xml"/><Relationship Id="rId73" Type="http://schemas.openxmlformats.org/officeDocument/2006/relationships/tags" Target="../tags/tag54.xml"/><Relationship Id="rId78" Type="http://schemas.openxmlformats.org/officeDocument/2006/relationships/tags" Target="../tags/tag59.xml"/><Relationship Id="rId94" Type="http://schemas.openxmlformats.org/officeDocument/2006/relationships/tags" Target="../tags/tag75.xml"/><Relationship Id="rId99" Type="http://schemas.openxmlformats.org/officeDocument/2006/relationships/tags" Target="../tags/tag80.xml"/><Relationship Id="rId101" Type="http://schemas.openxmlformats.org/officeDocument/2006/relationships/tags" Target="../tags/tag82.xml"/><Relationship Id="rId122" Type="http://schemas.openxmlformats.org/officeDocument/2006/relationships/tags" Target="../tags/tag103.xml"/><Relationship Id="rId143" Type="http://schemas.openxmlformats.org/officeDocument/2006/relationships/tags" Target="../tags/tag12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7.xml"/><Relationship Id="rId47" Type="http://schemas.openxmlformats.org/officeDocument/2006/relationships/tags" Target="../tags/tag28.xml"/><Relationship Id="rId68" Type="http://schemas.openxmlformats.org/officeDocument/2006/relationships/tags" Target="../tags/tag49.xml"/><Relationship Id="rId89" Type="http://schemas.openxmlformats.org/officeDocument/2006/relationships/tags" Target="../tags/tag70.xml"/><Relationship Id="rId112" Type="http://schemas.openxmlformats.org/officeDocument/2006/relationships/tags" Target="../tags/tag93.xml"/><Relationship Id="rId133" Type="http://schemas.openxmlformats.org/officeDocument/2006/relationships/tags" Target="../tags/tag114.xml"/><Relationship Id="rId16" Type="http://schemas.openxmlformats.org/officeDocument/2006/relationships/slideLayout" Target="../slideLayouts/slideLayout16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1.xml"/><Relationship Id="rId21" Type="http://schemas.openxmlformats.org/officeDocument/2006/relationships/tags" Target="../tags/tag125.xml"/><Relationship Id="rId42" Type="http://schemas.openxmlformats.org/officeDocument/2006/relationships/tags" Target="../tags/tag146.xml"/><Relationship Id="rId63" Type="http://schemas.openxmlformats.org/officeDocument/2006/relationships/tags" Target="../tags/tag167.xml"/><Relationship Id="rId84" Type="http://schemas.openxmlformats.org/officeDocument/2006/relationships/tags" Target="../tags/tag188.xml"/><Relationship Id="rId138" Type="http://schemas.openxmlformats.org/officeDocument/2006/relationships/tags" Target="../tags/tag242.xml"/><Relationship Id="rId107" Type="http://schemas.openxmlformats.org/officeDocument/2006/relationships/tags" Target="../tags/tag211.xml"/><Relationship Id="rId11" Type="http://schemas.openxmlformats.org/officeDocument/2006/relationships/slideLayout" Target="../slideLayouts/slideLayout30.xml"/><Relationship Id="rId32" Type="http://schemas.openxmlformats.org/officeDocument/2006/relationships/tags" Target="../tags/tag136.xml"/><Relationship Id="rId37" Type="http://schemas.openxmlformats.org/officeDocument/2006/relationships/tags" Target="../tags/tag141.xml"/><Relationship Id="rId53" Type="http://schemas.openxmlformats.org/officeDocument/2006/relationships/tags" Target="../tags/tag157.xml"/><Relationship Id="rId58" Type="http://schemas.openxmlformats.org/officeDocument/2006/relationships/tags" Target="../tags/tag162.xml"/><Relationship Id="rId74" Type="http://schemas.openxmlformats.org/officeDocument/2006/relationships/tags" Target="../tags/tag178.xml"/><Relationship Id="rId79" Type="http://schemas.openxmlformats.org/officeDocument/2006/relationships/tags" Target="../tags/tag183.xml"/><Relationship Id="rId102" Type="http://schemas.openxmlformats.org/officeDocument/2006/relationships/tags" Target="../tags/tag206.xml"/><Relationship Id="rId123" Type="http://schemas.openxmlformats.org/officeDocument/2006/relationships/tags" Target="../tags/tag227.xml"/><Relationship Id="rId128" Type="http://schemas.openxmlformats.org/officeDocument/2006/relationships/tags" Target="../tags/tag232.xml"/><Relationship Id="rId5" Type="http://schemas.openxmlformats.org/officeDocument/2006/relationships/slideLayout" Target="../slideLayouts/slideLayout24.xml"/><Relationship Id="rId90" Type="http://schemas.openxmlformats.org/officeDocument/2006/relationships/tags" Target="../tags/tag194.xml"/><Relationship Id="rId95" Type="http://schemas.openxmlformats.org/officeDocument/2006/relationships/tags" Target="../tags/tag199.xml"/><Relationship Id="rId22" Type="http://schemas.openxmlformats.org/officeDocument/2006/relationships/tags" Target="../tags/tag126.xml"/><Relationship Id="rId27" Type="http://schemas.openxmlformats.org/officeDocument/2006/relationships/tags" Target="../tags/tag131.xml"/><Relationship Id="rId43" Type="http://schemas.openxmlformats.org/officeDocument/2006/relationships/tags" Target="../tags/tag147.xml"/><Relationship Id="rId48" Type="http://schemas.openxmlformats.org/officeDocument/2006/relationships/tags" Target="../tags/tag152.xml"/><Relationship Id="rId64" Type="http://schemas.openxmlformats.org/officeDocument/2006/relationships/tags" Target="../tags/tag168.xml"/><Relationship Id="rId69" Type="http://schemas.openxmlformats.org/officeDocument/2006/relationships/tags" Target="../tags/tag173.xml"/><Relationship Id="rId113" Type="http://schemas.openxmlformats.org/officeDocument/2006/relationships/tags" Target="../tags/tag217.xml"/><Relationship Id="rId118" Type="http://schemas.openxmlformats.org/officeDocument/2006/relationships/tags" Target="../tags/tag222.xml"/><Relationship Id="rId134" Type="http://schemas.openxmlformats.org/officeDocument/2006/relationships/tags" Target="../tags/tag238.xml"/><Relationship Id="rId139" Type="http://schemas.openxmlformats.org/officeDocument/2006/relationships/tags" Target="../tags/tag243.xml"/><Relationship Id="rId80" Type="http://schemas.openxmlformats.org/officeDocument/2006/relationships/tags" Target="../tags/tag184.xml"/><Relationship Id="rId85" Type="http://schemas.openxmlformats.org/officeDocument/2006/relationships/tags" Target="../tags/tag189.xml"/><Relationship Id="rId12" Type="http://schemas.openxmlformats.org/officeDocument/2006/relationships/slideLayout" Target="../slideLayouts/slideLayout31.xml"/><Relationship Id="rId17" Type="http://schemas.openxmlformats.org/officeDocument/2006/relationships/slideLayout" Target="../slideLayouts/slideLayout36.xml"/><Relationship Id="rId33" Type="http://schemas.openxmlformats.org/officeDocument/2006/relationships/tags" Target="../tags/tag137.xml"/><Relationship Id="rId38" Type="http://schemas.openxmlformats.org/officeDocument/2006/relationships/tags" Target="../tags/tag142.xml"/><Relationship Id="rId59" Type="http://schemas.openxmlformats.org/officeDocument/2006/relationships/tags" Target="../tags/tag163.xml"/><Relationship Id="rId103" Type="http://schemas.openxmlformats.org/officeDocument/2006/relationships/tags" Target="../tags/tag207.xml"/><Relationship Id="rId108" Type="http://schemas.openxmlformats.org/officeDocument/2006/relationships/tags" Target="../tags/tag212.xml"/><Relationship Id="rId124" Type="http://schemas.openxmlformats.org/officeDocument/2006/relationships/tags" Target="../tags/tag228.xml"/><Relationship Id="rId129" Type="http://schemas.openxmlformats.org/officeDocument/2006/relationships/tags" Target="../tags/tag233.xml"/><Relationship Id="rId54" Type="http://schemas.openxmlformats.org/officeDocument/2006/relationships/tags" Target="../tags/tag158.xml"/><Relationship Id="rId70" Type="http://schemas.openxmlformats.org/officeDocument/2006/relationships/tags" Target="../tags/tag174.xml"/><Relationship Id="rId75" Type="http://schemas.openxmlformats.org/officeDocument/2006/relationships/tags" Target="../tags/tag179.xml"/><Relationship Id="rId91" Type="http://schemas.openxmlformats.org/officeDocument/2006/relationships/tags" Target="../tags/tag195.xml"/><Relationship Id="rId96" Type="http://schemas.openxmlformats.org/officeDocument/2006/relationships/tags" Target="../tags/tag200.xml"/><Relationship Id="rId140" Type="http://schemas.openxmlformats.org/officeDocument/2006/relationships/tags" Target="../tags/tag244.xml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23" Type="http://schemas.openxmlformats.org/officeDocument/2006/relationships/tags" Target="../tags/tag127.xml"/><Relationship Id="rId28" Type="http://schemas.openxmlformats.org/officeDocument/2006/relationships/tags" Target="../tags/tag132.xml"/><Relationship Id="rId49" Type="http://schemas.openxmlformats.org/officeDocument/2006/relationships/tags" Target="../tags/tag153.xml"/><Relationship Id="rId114" Type="http://schemas.openxmlformats.org/officeDocument/2006/relationships/tags" Target="../tags/tag218.xml"/><Relationship Id="rId119" Type="http://schemas.openxmlformats.org/officeDocument/2006/relationships/tags" Target="../tags/tag223.xml"/><Relationship Id="rId44" Type="http://schemas.openxmlformats.org/officeDocument/2006/relationships/tags" Target="../tags/tag148.xml"/><Relationship Id="rId60" Type="http://schemas.openxmlformats.org/officeDocument/2006/relationships/tags" Target="../tags/tag164.xml"/><Relationship Id="rId65" Type="http://schemas.openxmlformats.org/officeDocument/2006/relationships/tags" Target="../tags/tag169.xml"/><Relationship Id="rId81" Type="http://schemas.openxmlformats.org/officeDocument/2006/relationships/tags" Target="../tags/tag185.xml"/><Relationship Id="rId86" Type="http://schemas.openxmlformats.org/officeDocument/2006/relationships/tags" Target="../tags/tag190.xml"/><Relationship Id="rId130" Type="http://schemas.openxmlformats.org/officeDocument/2006/relationships/tags" Target="../tags/tag234.xml"/><Relationship Id="rId135" Type="http://schemas.openxmlformats.org/officeDocument/2006/relationships/tags" Target="../tags/tag239.xml"/><Relationship Id="rId13" Type="http://schemas.openxmlformats.org/officeDocument/2006/relationships/slideLayout" Target="../slideLayouts/slideLayout32.xml"/><Relationship Id="rId18" Type="http://schemas.openxmlformats.org/officeDocument/2006/relationships/slideLayout" Target="../slideLayouts/slideLayout37.xml"/><Relationship Id="rId39" Type="http://schemas.openxmlformats.org/officeDocument/2006/relationships/tags" Target="../tags/tag143.xml"/><Relationship Id="rId109" Type="http://schemas.openxmlformats.org/officeDocument/2006/relationships/tags" Target="../tags/tag213.xml"/><Relationship Id="rId34" Type="http://schemas.openxmlformats.org/officeDocument/2006/relationships/tags" Target="../tags/tag138.xml"/><Relationship Id="rId50" Type="http://schemas.openxmlformats.org/officeDocument/2006/relationships/tags" Target="../tags/tag154.xml"/><Relationship Id="rId55" Type="http://schemas.openxmlformats.org/officeDocument/2006/relationships/tags" Target="../tags/tag159.xml"/><Relationship Id="rId76" Type="http://schemas.openxmlformats.org/officeDocument/2006/relationships/tags" Target="../tags/tag180.xml"/><Relationship Id="rId97" Type="http://schemas.openxmlformats.org/officeDocument/2006/relationships/tags" Target="../tags/tag201.xml"/><Relationship Id="rId104" Type="http://schemas.openxmlformats.org/officeDocument/2006/relationships/tags" Target="../tags/tag208.xml"/><Relationship Id="rId120" Type="http://schemas.openxmlformats.org/officeDocument/2006/relationships/tags" Target="../tags/tag224.xml"/><Relationship Id="rId125" Type="http://schemas.openxmlformats.org/officeDocument/2006/relationships/tags" Target="../tags/tag229.xml"/><Relationship Id="rId141" Type="http://schemas.openxmlformats.org/officeDocument/2006/relationships/tags" Target="../tags/tag245.xml"/><Relationship Id="rId7" Type="http://schemas.openxmlformats.org/officeDocument/2006/relationships/slideLayout" Target="../slideLayouts/slideLayout26.xml"/><Relationship Id="rId71" Type="http://schemas.openxmlformats.org/officeDocument/2006/relationships/tags" Target="../tags/tag175.xml"/><Relationship Id="rId92" Type="http://schemas.openxmlformats.org/officeDocument/2006/relationships/tags" Target="../tags/tag196.xml"/><Relationship Id="rId2" Type="http://schemas.openxmlformats.org/officeDocument/2006/relationships/slideLayout" Target="../slideLayouts/slideLayout21.xml"/><Relationship Id="rId29" Type="http://schemas.openxmlformats.org/officeDocument/2006/relationships/tags" Target="../tags/tag133.xml"/><Relationship Id="rId24" Type="http://schemas.openxmlformats.org/officeDocument/2006/relationships/tags" Target="../tags/tag128.xml"/><Relationship Id="rId40" Type="http://schemas.openxmlformats.org/officeDocument/2006/relationships/tags" Target="../tags/tag144.xml"/><Relationship Id="rId45" Type="http://schemas.openxmlformats.org/officeDocument/2006/relationships/tags" Target="../tags/tag149.xml"/><Relationship Id="rId66" Type="http://schemas.openxmlformats.org/officeDocument/2006/relationships/tags" Target="../tags/tag170.xml"/><Relationship Id="rId87" Type="http://schemas.openxmlformats.org/officeDocument/2006/relationships/tags" Target="../tags/tag191.xml"/><Relationship Id="rId110" Type="http://schemas.openxmlformats.org/officeDocument/2006/relationships/tags" Target="../tags/tag214.xml"/><Relationship Id="rId115" Type="http://schemas.openxmlformats.org/officeDocument/2006/relationships/tags" Target="../tags/tag219.xml"/><Relationship Id="rId131" Type="http://schemas.openxmlformats.org/officeDocument/2006/relationships/tags" Target="../tags/tag235.xml"/><Relationship Id="rId136" Type="http://schemas.openxmlformats.org/officeDocument/2006/relationships/tags" Target="../tags/tag240.xml"/><Relationship Id="rId61" Type="http://schemas.openxmlformats.org/officeDocument/2006/relationships/tags" Target="../tags/tag165.xml"/><Relationship Id="rId82" Type="http://schemas.openxmlformats.org/officeDocument/2006/relationships/tags" Target="../tags/tag186.xml"/><Relationship Id="rId19" Type="http://schemas.openxmlformats.org/officeDocument/2006/relationships/slideLayout" Target="../slideLayouts/slideLayout38.xml"/><Relationship Id="rId14" Type="http://schemas.openxmlformats.org/officeDocument/2006/relationships/slideLayout" Target="../slideLayouts/slideLayout33.xml"/><Relationship Id="rId30" Type="http://schemas.openxmlformats.org/officeDocument/2006/relationships/tags" Target="../tags/tag134.xml"/><Relationship Id="rId35" Type="http://schemas.openxmlformats.org/officeDocument/2006/relationships/tags" Target="../tags/tag139.xml"/><Relationship Id="rId56" Type="http://schemas.openxmlformats.org/officeDocument/2006/relationships/tags" Target="../tags/tag160.xml"/><Relationship Id="rId77" Type="http://schemas.openxmlformats.org/officeDocument/2006/relationships/tags" Target="../tags/tag181.xml"/><Relationship Id="rId100" Type="http://schemas.openxmlformats.org/officeDocument/2006/relationships/tags" Target="../tags/tag204.xml"/><Relationship Id="rId105" Type="http://schemas.openxmlformats.org/officeDocument/2006/relationships/tags" Target="../tags/tag209.xml"/><Relationship Id="rId126" Type="http://schemas.openxmlformats.org/officeDocument/2006/relationships/tags" Target="../tags/tag230.xml"/><Relationship Id="rId8" Type="http://schemas.openxmlformats.org/officeDocument/2006/relationships/slideLayout" Target="../slideLayouts/slideLayout27.xml"/><Relationship Id="rId51" Type="http://schemas.openxmlformats.org/officeDocument/2006/relationships/tags" Target="../tags/tag155.xml"/><Relationship Id="rId72" Type="http://schemas.openxmlformats.org/officeDocument/2006/relationships/tags" Target="../tags/tag176.xml"/><Relationship Id="rId93" Type="http://schemas.openxmlformats.org/officeDocument/2006/relationships/tags" Target="../tags/tag197.xml"/><Relationship Id="rId98" Type="http://schemas.openxmlformats.org/officeDocument/2006/relationships/tags" Target="../tags/tag202.xml"/><Relationship Id="rId121" Type="http://schemas.openxmlformats.org/officeDocument/2006/relationships/tags" Target="../tags/tag225.xml"/><Relationship Id="rId142" Type="http://schemas.openxmlformats.org/officeDocument/2006/relationships/tags" Target="../tags/tag246.xml"/><Relationship Id="rId3" Type="http://schemas.openxmlformats.org/officeDocument/2006/relationships/slideLayout" Target="../slideLayouts/slideLayout22.xml"/><Relationship Id="rId25" Type="http://schemas.openxmlformats.org/officeDocument/2006/relationships/tags" Target="../tags/tag129.xml"/><Relationship Id="rId46" Type="http://schemas.openxmlformats.org/officeDocument/2006/relationships/tags" Target="../tags/tag150.xml"/><Relationship Id="rId67" Type="http://schemas.openxmlformats.org/officeDocument/2006/relationships/tags" Target="../tags/tag171.xml"/><Relationship Id="rId116" Type="http://schemas.openxmlformats.org/officeDocument/2006/relationships/tags" Target="../tags/tag220.xml"/><Relationship Id="rId137" Type="http://schemas.openxmlformats.org/officeDocument/2006/relationships/tags" Target="../tags/tag241.xml"/><Relationship Id="rId20" Type="http://schemas.openxmlformats.org/officeDocument/2006/relationships/theme" Target="../theme/theme2.xml"/><Relationship Id="rId41" Type="http://schemas.openxmlformats.org/officeDocument/2006/relationships/tags" Target="../tags/tag145.xml"/><Relationship Id="rId62" Type="http://schemas.openxmlformats.org/officeDocument/2006/relationships/tags" Target="../tags/tag166.xml"/><Relationship Id="rId83" Type="http://schemas.openxmlformats.org/officeDocument/2006/relationships/tags" Target="../tags/tag187.xml"/><Relationship Id="rId88" Type="http://schemas.openxmlformats.org/officeDocument/2006/relationships/tags" Target="../tags/tag192.xml"/><Relationship Id="rId111" Type="http://schemas.openxmlformats.org/officeDocument/2006/relationships/tags" Target="../tags/tag215.xml"/><Relationship Id="rId132" Type="http://schemas.openxmlformats.org/officeDocument/2006/relationships/tags" Target="../tags/tag236.xml"/><Relationship Id="rId15" Type="http://schemas.openxmlformats.org/officeDocument/2006/relationships/slideLayout" Target="../slideLayouts/slideLayout34.xml"/><Relationship Id="rId36" Type="http://schemas.openxmlformats.org/officeDocument/2006/relationships/tags" Target="../tags/tag140.xml"/><Relationship Id="rId57" Type="http://schemas.openxmlformats.org/officeDocument/2006/relationships/tags" Target="../tags/tag161.xml"/><Relationship Id="rId106" Type="http://schemas.openxmlformats.org/officeDocument/2006/relationships/tags" Target="../tags/tag210.xml"/><Relationship Id="rId127" Type="http://schemas.openxmlformats.org/officeDocument/2006/relationships/tags" Target="../tags/tag231.xml"/><Relationship Id="rId10" Type="http://schemas.openxmlformats.org/officeDocument/2006/relationships/slideLayout" Target="../slideLayouts/slideLayout29.xml"/><Relationship Id="rId31" Type="http://schemas.openxmlformats.org/officeDocument/2006/relationships/tags" Target="../tags/tag135.xml"/><Relationship Id="rId52" Type="http://schemas.openxmlformats.org/officeDocument/2006/relationships/tags" Target="../tags/tag156.xml"/><Relationship Id="rId73" Type="http://schemas.openxmlformats.org/officeDocument/2006/relationships/tags" Target="../tags/tag177.xml"/><Relationship Id="rId78" Type="http://schemas.openxmlformats.org/officeDocument/2006/relationships/tags" Target="../tags/tag182.xml"/><Relationship Id="rId94" Type="http://schemas.openxmlformats.org/officeDocument/2006/relationships/tags" Target="../tags/tag198.xml"/><Relationship Id="rId99" Type="http://schemas.openxmlformats.org/officeDocument/2006/relationships/tags" Target="../tags/tag203.xml"/><Relationship Id="rId101" Type="http://schemas.openxmlformats.org/officeDocument/2006/relationships/tags" Target="../tags/tag205.xml"/><Relationship Id="rId122" Type="http://schemas.openxmlformats.org/officeDocument/2006/relationships/tags" Target="../tags/tag226.xml"/><Relationship Id="rId143" Type="http://schemas.openxmlformats.org/officeDocument/2006/relationships/tags" Target="../tags/tag247.xml"/><Relationship Id="rId4" Type="http://schemas.openxmlformats.org/officeDocument/2006/relationships/slideLayout" Target="../slideLayouts/slideLayout23.xml"/><Relationship Id="rId9" Type="http://schemas.openxmlformats.org/officeDocument/2006/relationships/slideLayout" Target="../slideLayouts/slideLayout28.xml"/><Relationship Id="rId26" Type="http://schemas.openxmlformats.org/officeDocument/2006/relationships/tags" Target="../tags/tag130.xml"/><Relationship Id="rId47" Type="http://schemas.openxmlformats.org/officeDocument/2006/relationships/tags" Target="../tags/tag151.xml"/><Relationship Id="rId68" Type="http://schemas.openxmlformats.org/officeDocument/2006/relationships/tags" Target="../tags/tag172.xml"/><Relationship Id="rId89" Type="http://schemas.openxmlformats.org/officeDocument/2006/relationships/tags" Target="../tags/tag193.xml"/><Relationship Id="rId112" Type="http://schemas.openxmlformats.org/officeDocument/2006/relationships/tags" Target="../tags/tag216.xml"/><Relationship Id="rId133" Type="http://schemas.openxmlformats.org/officeDocument/2006/relationships/tags" Target="../tags/tag237.xml"/><Relationship Id="rId16" Type="http://schemas.openxmlformats.org/officeDocument/2006/relationships/slideLayout" Target="../slideLayouts/slideLayout35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39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0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1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4" name="Copyright Placeholder" descr="{&quot;templafy&quot;:{&quot;id&quot;:&quot;61b35a7b-bc56-4c9a-8b00-5140a42470b8&quot;}}">
            <a:extLst>
              <a:ext uri="{FF2B5EF4-FFF2-40B4-BE49-F238E27FC236}">
                <a16:creationId xmlns:a16="http://schemas.microsoft.com/office/drawing/2014/main" id="{E9C21301-507D-F803-005A-2C225F052DFA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75" r:id="rId3"/>
    <p:sldLayoutId id="2147483741" r:id="rId4"/>
    <p:sldLayoutId id="2147483765" r:id="rId5"/>
    <p:sldLayoutId id="2147483767" r:id="rId6"/>
    <p:sldLayoutId id="2147483743" r:id="rId7"/>
    <p:sldLayoutId id="2147483774" r:id="rId8"/>
    <p:sldLayoutId id="2147483745" r:id="rId9"/>
    <p:sldLayoutId id="2147483760" r:id="rId10"/>
    <p:sldLayoutId id="2147483768" r:id="rId11"/>
    <p:sldLayoutId id="2147483769" r:id="rId12"/>
    <p:sldLayoutId id="2147483770" r:id="rId13"/>
    <p:sldLayoutId id="2147483744" r:id="rId14"/>
    <p:sldLayoutId id="2147483757" r:id="rId15"/>
    <p:sldLayoutId id="2147483771" r:id="rId16"/>
    <p:sldLayoutId id="2147483763" r:id="rId17"/>
    <p:sldLayoutId id="2147483751" r:id="rId18"/>
    <p:sldLayoutId id="2147483756" r:id="rId1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  <p:sldLayoutId id="2147483831" r:id="rId14"/>
    <p:sldLayoutId id="2147483832" r:id="rId15"/>
    <p:sldLayoutId id="2147483834" r:id="rId16"/>
    <p:sldLayoutId id="2147483835" r:id="rId17"/>
    <p:sldLayoutId id="2147483836" r:id="rId18"/>
    <p:sldLayoutId id="2147483837" r:id="rId1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4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sapbrandtools.com/writing-assistant/" TargetMode="External"/><Relationship Id="rId3" Type="http://schemas.openxmlformats.org/officeDocument/2006/relationships/slideLayout" Target="../slideLayouts/slideLayout7.xml"/><Relationship Id="rId7" Type="http://schemas.openxmlformats.org/officeDocument/2006/relationships/hyperlink" Target="https://www.sapbrandtools.com/naming-center/" TargetMode="Externa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hyperlink" Target="http://www.sapbrandtools.com/" TargetMode="External"/><Relationship Id="rId5" Type="http://schemas.openxmlformats.org/officeDocument/2006/relationships/hyperlink" Target="https://www.sapbrandtools.com/imagelibrary" TargetMode="External"/><Relationship Id="rId4" Type="http://schemas.openxmlformats.org/officeDocument/2006/relationships/hyperlink" Target="https://www.sapbrandtools.com/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664C54CB-664F-9223-0C17-9F13FBC46BC5}"/>
              </a:ext>
            </a:extLst>
          </p:cNvPr>
          <p:cNvSpPr txBox="1"/>
          <p:nvPr/>
        </p:nvSpPr>
        <p:spPr>
          <a:xfrm>
            <a:off x="1040129" y="1725718"/>
            <a:ext cx="2269853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ystem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0FD0490-077B-856D-EFBD-3FA63482A68D}"/>
              </a:ext>
            </a:extLst>
          </p:cNvPr>
          <p:cNvSpPr txBox="1"/>
          <p:nvPr/>
        </p:nvSpPr>
        <p:spPr>
          <a:xfrm>
            <a:off x="7665464" y="1725718"/>
            <a:ext cx="3924151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Business Technology Platform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ubaccou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3CAF621-E274-7248-AB03-565989447D60}"/>
              </a:ext>
            </a:extLst>
          </p:cNvPr>
          <p:cNvSpPr txBox="1"/>
          <p:nvPr/>
        </p:nvSpPr>
        <p:spPr>
          <a:xfrm>
            <a:off x="3965138" y="5145647"/>
            <a:ext cx="3090590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Cloud Identity Services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Tena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07B8FE38-130F-98BE-DD74-EA78D97AADCD}"/>
              </a:ext>
            </a:extLst>
          </p:cNvPr>
          <p:cNvCxnSpPr>
            <a:cxnSpLocks/>
          </p:cNvCxnSpPr>
          <p:nvPr/>
        </p:nvCxnSpPr>
        <p:spPr>
          <a:xfrm flipH="1">
            <a:off x="6383849" y="2297797"/>
            <a:ext cx="1363218" cy="2467863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E6D7E112-8227-4D99-AFA3-A2597DC7D849}"/>
              </a:ext>
            </a:extLst>
          </p:cNvPr>
          <p:cNvCxnSpPr>
            <a:cxnSpLocks/>
          </p:cNvCxnSpPr>
          <p:nvPr/>
        </p:nvCxnSpPr>
        <p:spPr>
          <a:xfrm flipH="1">
            <a:off x="6654754" y="2337936"/>
            <a:ext cx="1362186" cy="2472708"/>
          </a:xfrm>
          <a:prstGeom prst="straightConnector1">
            <a:avLst/>
          </a:prstGeom>
          <a:ln w="25400">
            <a:solidFill>
              <a:schemeClr val="tx1"/>
            </a:solidFill>
            <a:headEnd type="none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Arc 10">
            <a:extLst>
              <a:ext uri="{FF2B5EF4-FFF2-40B4-BE49-F238E27FC236}">
                <a16:creationId xmlns:a16="http://schemas.microsoft.com/office/drawing/2014/main" id="{7DB7852E-9E2E-F09C-FE16-4E76EC2011C2}"/>
              </a:ext>
            </a:extLst>
          </p:cNvPr>
          <p:cNvSpPr/>
          <p:nvPr/>
        </p:nvSpPr>
        <p:spPr>
          <a:xfrm rot="19042898">
            <a:off x="2450433" y="777431"/>
            <a:ext cx="6120000" cy="6120000"/>
          </a:xfrm>
          <a:prstGeom prst="arc">
            <a:avLst>
              <a:gd name="adj1" fmla="val 16200000"/>
              <a:gd name="adj2" fmla="val 21267549"/>
            </a:avLst>
          </a:prstGeom>
          <a:ln w="25400">
            <a:solidFill>
              <a:schemeClr val="tx1"/>
            </a:solidFill>
            <a:headEnd type="arrow" w="lg" len="lg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F462F289-3AE4-D54A-BCCD-040A6DC5E391}"/>
              </a:ext>
            </a:extLst>
          </p:cNvPr>
          <p:cNvCxnSpPr>
            <a:cxnSpLocks/>
          </p:cNvCxnSpPr>
          <p:nvPr/>
        </p:nvCxnSpPr>
        <p:spPr>
          <a:xfrm flipH="1">
            <a:off x="3710306" y="1904508"/>
            <a:ext cx="3685285" cy="0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F9D29E49-CBBD-8580-AB38-08B7CE33A4A6}"/>
              </a:ext>
            </a:extLst>
          </p:cNvPr>
          <p:cNvSpPr txBox="1"/>
          <p:nvPr/>
        </p:nvSpPr>
        <p:spPr>
          <a:xfrm>
            <a:off x="7395591" y="1121022"/>
            <a:ext cx="63799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access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91564186-6F3C-7723-32FB-716F2BD0AF28}"/>
              </a:ext>
            </a:extLst>
          </p:cNvPr>
          <p:cNvSpPr txBox="1"/>
          <p:nvPr/>
        </p:nvSpPr>
        <p:spPr>
          <a:xfrm>
            <a:off x="3797906" y="1602607"/>
            <a:ext cx="84318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authorize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8B32A46-D504-B811-16BA-FBF6C79AA082}"/>
              </a:ext>
            </a:extLst>
          </p:cNvPr>
          <p:cNvSpPr txBox="1"/>
          <p:nvPr/>
        </p:nvSpPr>
        <p:spPr>
          <a:xfrm>
            <a:off x="4986638" y="4519439"/>
            <a:ext cx="111729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authenticate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33" name="Group 32">
            <a:extLst>
              <a:ext uri="{FF2B5EF4-FFF2-40B4-BE49-F238E27FC236}">
                <a16:creationId xmlns:a16="http://schemas.microsoft.com/office/drawing/2014/main" id="{A714BC88-31E6-0CEE-D4FE-F9404583D6FF}"/>
              </a:ext>
            </a:extLst>
          </p:cNvPr>
          <p:cNvGrpSpPr/>
          <p:nvPr/>
        </p:nvGrpSpPr>
        <p:grpSpPr>
          <a:xfrm flipH="1">
            <a:off x="3237657" y="2337936"/>
            <a:ext cx="1479108" cy="2512847"/>
            <a:chOff x="3232991" y="2337936"/>
            <a:chExt cx="1633091" cy="2512847"/>
          </a:xfrm>
        </p:grpSpPr>
        <p:cxnSp>
          <p:nvCxnSpPr>
            <p:cNvPr id="31" name="Straight Arrow Connector 30">
              <a:extLst>
                <a:ext uri="{FF2B5EF4-FFF2-40B4-BE49-F238E27FC236}">
                  <a16:creationId xmlns:a16="http://schemas.microsoft.com/office/drawing/2014/main" id="{F2C9B13A-E8A0-77B2-61F0-E820CBAE029D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3232991" y="2337936"/>
              <a:ext cx="1363218" cy="2467863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arrow" w="lg" len="lg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Arrow Connector 31">
              <a:extLst>
                <a:ext uri="{FF2B5EF4-FFF2-40B4-BE49-F238E27FC236}">
                  <a16:creationId xmlns:a16="http://schemas.microsoft.com/office/drawing/2014/main" id="{2C95C36A-2F67-AC56-0E70-881481B6E00F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3503896" y="2378075"/>
              <a:ext cx="1362186" cy="2472708"/>
            </a:xfrm>
            <a:prstGeom prst="straightConnector1">
              <a:avLst/>
            </a:prstGeom>
            <a:ln w="25400">
              <a:solidFill>
                <a:schemeClr val="tx1"/>
              </a:solidFill>
              <a:headEnd type="none" w="lg" len="lg"/>
              <a:tailEnd type="arrow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664C54CB-664F-9223-0C17-9F13FBC46BC5}"/>
              </a:ext>
            </a:extLst>
          </p:cNvPr>
          <p:cNvSpPr txBox="1"/>
          <p:nvPr/>
        </p:nvSpPr>
        <p:spPr>
          <a:xfrm>
            <a:off x="1040129" y="1725718"/>
            <a:ext cx="2269853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ystem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0FD0490-077B-856D-EFBD-3FA63482A68D}"/>
              </a:ext>
            </a:extLst>
          </p:cNvPr>
          <p:cNvSpPr txBox="1"/>
          <p:nvPr/>
        </p:nvSpPr>
        <p:spPr>
          <a:xfrm>
            <a:off x="7665464" y="1725718"/>
            <a:ext cx="3924151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Business Technology Platform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ubaccou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3CAF621-E274-7248-AB03-565989447D60}"/>
              </a:ext>
            </a:extLst>
          </p:cNvPr>
          <p:cNvSpPr txBox="1"/>
          <p:nvPr/>
        </p:nvSpPr>
        <p:spPr>
          <a:xfrm>
            <a:off x="3965138" y="5145647"/>
            <a:ext cx="3090590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Cloud Identity Services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Tena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07B8FE38-130F-98BE-DD74-EA78D97AADCD}"/>
              </a:ext>
            </a:extLst>
          </p:cNvPr>
          <p:cNvCxnSpPr>
            <a:cxnSpLocks/>
          </p:cNvCxnSpPr>
          <p:nvPr/>
        </p:nvCxnSpPr>
        <p:spPr>
          <a:xfrm flipH="1">
            <a:off x="6383849" y="2297797"/>
            <a:ext cx="1363218" cy="2467863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F462F289-3AE4-D54A-BCCD-040A6DC5E391}"/>
              </a:ext>
            </a:extLst>
          </p:cNvPr>
          <p:cNvCxnSpPr>
            <a:cxnSpLocks/>
          </p:cNvCxnSpPr>
          <p:nvPr/>
        </p:nvCxnSpPr>
        <p:spPr>
          <a:xfrm flipH="1">
            <a:off x="3710306" y="1904508"/>
            <a:ext cx="3685285" cy="0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F9D29E49-CBBD-8580-AB38-08B7CE33A4A6}"/>
              </a:ext>
            </a:extLst>
          </p:cNvPr>
          <p:cNvSpPr txBox="1"/>
          <p:nvPr/>
        </p:nvSpPr>
        <p:spPr>
          <a:xfrm rot="3809592">
            <a:off x="3728561" y="3479160"/>
            <a:ext cx="10740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91564186-6F3C-7723-32FB-716F2BD0AF28}"/>
              </a:ext>
            </a:extLst>
          </p:cNvPr>
          <p:cNvSpPr txBox="1"/>
          <p:nvPr/>
        </p:nvSpPr>
        <p:spPr>
          <a:xfrm>
            <a:off x="5310057" y="1904508"/>
            <a:ext cx="40075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8B32A46-D504-B811-16BA-FBF6C79AA082}"/>
              </a:ext>
            </a:extLst>
          </p:cNvPr>
          <p:cNvSpPr txBox="1"/>
          <p:nvPr/>
        </p:nvSpPr>
        <p:spPr>
          <a:xfrm rot="17954955">
            <a:off x="6343309" y="3479161"/>
            <a:ext cx="10740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2C9B13A-E8A0-77B2-61F0-E820CBAE029D}"/>
              </a:ext>
            </a:extLst>
          </p:cNvPr>
          <p:cNvCxnSpPr>
            <a:cxnSpLocks/>
          </p:cNvCxnSpPr>
          <p:nvPr/>
        </p:nvCxnSpPr>
        <p:spPr>
          <a:xfrm>
            <a:off x="3482084" y="2337936"/>
            <a:ext cx="1234681" cy="2467863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C22518B5-1019-E3F7-A0AE-E3946A2A8A3A}"/>
              </a:ext>
            </a:extLst>
          </p:cNvPr>
          <p:cNvSpPr txBox="1"/>
          <p:nvPr/>
        </p:nvSpPr>
        <p:spPr>
          <a:xfrm>
            <a:off x="7460858" y="3109827"/>
            <a:ext cx="1471655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configured by </a:t>
            </a:r>
            <a:r>
              <a:rPr lang="en-US" sz="1600" i="1" kern="0" dirty="0">
                <a:ea typeface="Arial Unicode MS" pitchFamily="34" charset="-128"/>
              </a:rPr>
              <a:t>customer</a:t>
            </a: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 before or delivered with trial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48F4EB9B-638C-6C31-E2AD-46D8608747D0}"/>
              </a:ext>
            </a:extLst>
          </p:cNvPr>
          <p:cNvSpPr txBox="1"/>
          <p:nvPr/>
        </p:nvSpPr>
        <p:spPr>
          <a:xfrm>
            <a:off x="2248645" y="3403600"/>
            <a:ext cx="164567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600" i="1" kern="0">
                <a:ea typeface="Arial Unicode MS" pitchFamily="34" charset="-128"/>
                <a:cs typeface="Arial Unicode MS" pitchFamily="34" charset="-128"/>
              </a:defRPr>
            </a:lvl1pPr>
          </a:lstStyle>
          <a:p>
            <a:r>
              <a:rPr lang="en-US" dirty="0"/>
              <a:t>delivered by SAP with the system</a:t>
            </a:r>
            <a:endParaRPr lang="de-DE" dirty="0" err="1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475DCA3-D4D0-616D-2592-912FE148012D}"/>
              </a:ext>
            </a:extLst>
          </p:cNvPr>
          <p:cNvSpPr txBox="1"/>
          <p:nvPr/>
        </p:nvSpPr>
        <p:spPr>
          <a:xfrm>
            <a:off x="4824072" y="1222071"/>
            <a:ext cx="145775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configured with this tutorial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90575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664C54CB-664F-9223-0C17-9F13FBC46BC5}"/>
              </a:ext>
            </a:extLst>
          </p:cNvPr>
          <p:cNvSpPr txBox="1"/>
          <p:nvPr/>
        </p:nvSpPr>
        <p:spPr>
          <a:xfrm>
            <a:off x="1040129" y="1725718"/>
            <a:ext cx="2269853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ystem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0FD0490-077B-856D-EFBD-3FA63482A68D}"/>
              </a:ext>
            </a:extLst>
          </p:cNvPr>
          <p:cNvSpPr txBox="1"/>
          <p:nvPr/>
        </p:nvSpPr>
        <p:spPr>
          <a:xfrm>
            <a:off x="7665464" y="1725718"/>
            <a:ext cx="3924151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Business Technology Platform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ubaccou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3CAF621-E274-7248-AB03-565989447D60}"/>
              </a:ext>
            </a:extLst>
          </p:cNvPr>
          <p:cNvSpPr txBox="1"/>
          <p:nvPr/>
        </p:nvSpPr>
        <p:spPr>
          <a:xfrm>
            <a:off x="3965138" y="5145647"/>
            <a:ext cx="3090590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Cloud Identity Services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Tena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07B8FE38-130F-98BE-DD74-EA78D97AADCD}"/>
              </a:ext>
            </a:extLst>
          </p:cNvPr>
          <p:cNvCxnSpPr>
            <a:cxnSpLocks/>
          </p:cNvCxnSpPr>
          <p:nvPr/>
        </p:nvCxnSpPr>
        <p:spPr>
          <a:xfrm flipH="1">
            <a:off x="6383849" y="2297797"/>
            <a:ext cx="1363218" cy="2467863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F9D29E49-CBBD-8580-AB38-08B7CE33A4A6}"/>
              </a:ext>
            </a:extLst>
          </p:cNvPr>
          <p:cNvSpPr txBox="1"/>
          <p:nvPr/>
        </p:nvSpPr>
        <p:spPr>
          <a:xfrm rot="3809592">
            <a:off x="3728561" y="3479160"/>
            <a:ext cx="10740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8B32A46-D504-B811-16BA-FBF6C79AA082}"/>
              </a:ext>
            </a:extLst>
          </p:cNvPr>
          <p:cNvSpPr txBox="1"/>
          <p:nvPr/>
        </p:nvSpPr>
        <p:spPr>
          <a:xfrm rot="17954955">
            <a:off x="6343309" y="3479161"/>
            <a:ext cx="10740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2C9B13A-E8A0-77B2-61F0-E820CBAE029D}"/>
              </a:ext>
            </a:extLst>
          </p:cNvPr>
          <p:cNvCxnSpPr>
            <a:cxnSpLocks/>
          </p:cNvCxnSpPr>
          <p:nvPr/>
        </p:nvCxnSpPr>
        <p:spPr>
          <a:xfrm>
            <a:off x="3482084" y="2337936"/>
            <a:ext cx="1234681" cy="2467863"/>
          </a:xfrm>
          <a:prstGeom prst="straightConnector1">
            <a:avLst/>
          </a:prstGeom>
          <a:ln w="25400">
            <a:solidFill>
              <a:schemeClr val="tx1">
                <a:alpha val="15000"/>
              </a:schemeClr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C22518B5-1019-E3F7-A0AE-E3946A2A8A3A}"/>
              </a:ext>
            </a:extLst>
          </p:cNvPr>
          <p:cNvSpPr txBox="1"/>
          <p:nvPr/>
        </p:nvSpPr>
        <p:spPr>
          <a:xfrm>
            <a:off x="7259715" y="3325645"/>
            <a:ext cx="1471655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configured with this tutorial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48F4EB9B-638C-6C31-E2AD-46D8608747D0}"/>
              </a:ext>
            </a:extLst>
          </p:cNvPr>
          <p:cNvSpPr txBox="1"/>
          <p:nvPr/>
        </p:nvSpPr>
        <p:spPr>
          <a:xfrm>
            <a:off x="2248645" y="3403600"/>
            <a:ext cx="164567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600" i="1" kern="0">
                <a:ea typeface="Arial Unicode MS" pitchFamily="34" charset="-128"/>
                <a:cs typeface="Arial Unicode MS" pitchFamily="34" charset="-128"/>
              </a:defRPr>
            </a:lvl1pPr>
          </a:lstStyle>
          <a:p>
            <a:r>
              <a:rPr lang="en-US" dirty="0"/>
              <a:t>delivered by SAP with the system</a:t>
            </a:r>
            <a:endParaRPr lang="de-DE" dirty="0" err="1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AB21CC66-0FB7-DE32-4664-F9038507817B}"/>
              </a:ext>
            </a:extLst>
          </p:cNvPr>
          <p:cNvSpPr/>
          <p:nvPr/>
        </p:nvSpPr>
        <p:spPr bwMode="gray">
          <a:xfrm rot="3856748">
            <a:off x="3408157" y="3486553"/>
            <a:ext cx="1921760" cy="314035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20629AE1-79B6-D50B-5342-ABEA9BB689E6}"/>
              </a:ext>
            </a:extLst>
          </p:cNvPr>
          <p:cNvSpPr/>
          <p:nvPr/>
        </p:nvSpPr>
        <p:spPr bwMode="gray">
          <a:xfrm rot="3856748">
            <a:off x="2306678" y="2905564"/>
            <a:ext cx="1614971" cy="1638288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B245BA61-4275-55DA-2F13-1A44C511AD14}"/>
              </a:ext>
            </a:extLst>
          </p:cNvPr>
          <p:cNvSpPr/>
          <p:nvPr/>
        </p:nvSpPr>
        <p:spPr bwMode="gray">
          <a:xfrm rot="3856748">
            <a:off x="964340" y="601950"/>
            <a:ext cx="2297917" cy="2240169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2466711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664C54CB-664F-9223-0C17-9F13FBC46BC5}"/>
              </a:ext>
            </a:extLst>
          </p:cNvPr>
          <p:cNvSpPr txBox="1"/>
          <p:nvPr/>
        </p:nvSpPr>
        <p:spPr>
          <a:xfrm>
            <a:off x="1040129" y="1725718"/>
            <a:ext cx="2269853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ystem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0FD0490-077B-856D-EFBD-3FA63482A68D}"/>
              </a:ext>
            </a:extLst>
          </p:cNvPr>
          <p:cNvSpPr txBox="1"/>
          <p:nvPr/>
        </p:nvSpPr>
        <p:spPr>
          <a:xfrm>
            <a:off x="7665464" y="1725718"/>
            <a:ext cx="3924151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Business Technology Platform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ubaccou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3CAF621-E274-7248-AB03-565989447D60}"/>
              </a:ext>
            </a:extLst>
          </p:cNvPr>
          <p:cNvSpPr txBox="1"/>
          <p:nvPr/>
        </p:nvSpPr>
        <p:spPr>
          <a:xfrm>
            <a:off x="3965138" y="5145647"/>
            <a:ext cx="3090590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AP Cloud Identity Services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Tenant</a:t>
            </a:r>
            <a:endParaRPr lang="de-DE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07B8FE38-130F-98BE-DD74-EA78D97AADCD}"/>
              </a:ext>
            </a:extLst>
          </p:cNvPr>
          <p:cNvCxnSpPr>
            <a:cxnSpLocks/>
          </p:cNvCxnSpPr>
          <p:nvPr/>
        </p:nvCxnSpPr>
        <p:spPr>
          <a:xfrm flipH="1">
            <a:off x="6383849" y="2297797"/>
            <a:ext cx="1363218" cy="2467863"/>
          </a:xfrm>
          <a:prstGeom prst="straightConnector1">
            <a:avLst/>
          </a:prstGeom>
          <a:ln w="25400">
            <a:solidFill>
              <a:schemeClr val="tx1">
                <a:alpha val="15000"/>
              </a:schemeClr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F462F289-3AE4-D54A-BCCD-040A6DC5E391}"/>
              </a:ext>
            </a:extLst>
          </p:cNvPr>
          <p:cNvCxnSpPr>
            <a:cxnSpLocks/>
          </p:cNvCxnSpPr>
          <p:nvPr/>
        </p:nvCxnSpPr>
        <p:spPr>
          <a:xfrm flipH="1">
            <a:off x="3710306" y="1904508"/>
            <a:ext cx="3685285" cy="0"/>
          </a:xfrm>
          <a:prstGeom prst="straightConnector1">
            <a:avLst/>
          </a:prstGeom>
          <a:ln w="25400">
            <a:solidFill>
              <a:schemeClr val="tx1"/>
            </a:solidFill>
            <a:headEnd type="arrow" w="lg" len="lg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F9D29E49-CBBD-8580-AB38-08B7CE33A4A6}"/>
              </a:ext>
            </a:extLst>
          </p:cNvPr>
          <p:cNvSpPr txBox="1"/>
          <p:nvPr/>
        </p:nvSpPr>
        <p:spPr>
          <a:xfrm rot="3809592">
            <a:off x="3728561" y="3479160"/>
            <a:ext cx="1074012" cy="246221"/>
          </a:xfrm>
          <a:prstGeom prst="rect">
            <a:avLst/>
          </a:prstGeom>
          <a:solidFill>
            <a:schemeClr val="bg1"/>
          </a:solidFill>
          <a:ln w="25400">
            <a:noFill/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91564186-6F3C-7723-32FB-716F2BD0AF28}"/>
              </a:ext>
            </a:extLst>
          </p:cNvPr>
          <p:cNvSpPr txBox="1"/>
          <p:nvPr/>
        </p:nvSpPr>
        <p:spPr>
          <a:xfrm>
            <a:off x="5310057" y="1904508"/>
            <a:ext cx="40075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8B32A46-D504-B811-16BA-FBF6C79AA082}"/>
              </a:ext>
            </a:extLst>
          </p:cNvPr>
          <p:cNvSpPr txBox="1"/>
          <p:nvPr/>
        </p:nvSpPr>
        <p:spPr>
          <a:xfrm rot="17954955">
            <a:off x="6343309" y="3479161"/>
            <a:ext cx="10740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mutual trust</a:t>
            </a:r>
            <a:endParaRPr lang="de-DE" sz="1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2C9B13A-E8A0-77B2-61F0-E820CBAE029D}"/>
              </a:ext>
            </a:extLst>
          </p:cNvPr>
          <p:cNvCxnSpPr>
            <a:cxnSpLocks/>
          </p:cNvCxnSpPr>
          <p:nvPr/>
        </p:nvCxnSpPr>
        <p:spPr>
          <a:xfrm>
            <a:off x="3482084" y="2337936"/>
            <a:ext cx="1234681" cy="2467863"/>
          </a:xfrm>
          <a:prstGeom prst="straightConnector1">
            <a:avLst/>
          </a:prstGeom>
          <a:ln w="25400">
            <a:solidFill>
              <a:schemeClr val="tx1">
                <a:alpha val="15000"/>
              </a:schemeClr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C22518B5-1019-E3F7-A0AE-E3946A2A8A3A}"/>
              </a:ext>
            </a:extLst>
          </p:cNvPr>
          <p:cNvSpPr txBox="1"/>
          <p:nvPr/>
        </p:nvSpPr>
        <p:spPr>
          <a:xfrm>
            <a:off x="7460858" y="3109827"/>
            <a:ext cx="1471655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configured by </a:t>
            </a:r>
            <a:r>
              <a:rPr lang="en-US" sz="1600" i="1" kern="0" dirty="0">
                <a:ea typeface="Arial Unicode MS" pitchFamily="34" charset="-128"/>
              </a:rPr>
              <a:t>customer</a:t>
            </a: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 before or delivered with trial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48F4EB9B-638C-6C31-E2AD-46D8608747D0}"/>
              </a:ext>
            </a:extLst>
          </p:cNvPr>
          <p:cNvSpPr txBox="1"/>
          <p:nvPr/>
        </p:nvSpPr>
        <p:spPr>
          <a:xfrm>
            <a:off x="2248645" y="3403600"/>
            <a:ext cx="164567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600" i="1" kern="0">
                <a:ea typeface="Arial Unicode MS" pitchFamily="34" charset="-128"/>
                <a:cs typeface="Arial Unicode MS" pitchFamily="34" charset="-128"/>
              </a:defRPr>
            </a:lvl1pPr>
          </a:lstStyle>
          <a:p>
            <a:r>
              <a:rPr lang="en-US" dirty="0"/>
              <a:t>delivered by SAP with the system</a:t>
            </a:r>
            <a:endParaRPr lang="de-DE" dirty="0" err="1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475DCA3-D4D0-616D-2592-912FE148012D}"/>
              </a:ext>
            </a:extLst>
          </p:cNvPr>
          <p:cNvSpPr txBox="1"/>
          <p:nvPr/>
        </p:nvSpPr>
        <p:spPr>
          <a:xfrm>
            <a:off x="4824072" y="1222071"/>
            <a:ext cx="1457751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i="1" kern="0" dirty="0">
                <a:ea typeface="Arial Unicode MS" pitchFamily="34" charset="-128"/>
                <a:cs typeface="Arial Unicode MS" pitchFamily="34" charset="-128"/>
              </a:rPr>
              <a:t>configured with this tutorial</a:t>
            </a:r>
            <a:endParaRPr lang="de-DE" sz="1600" i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D87EB09B-40CF-3BB7-F11C-4F82681DA6E2}"/>
              </a:ext>
            </a:extLst>
          </p:cNvPr>
          <p:cNvSpPr/>
          <p:nvPr/>
        </p:nvSpPr>
        <p:spPr bwMode="gray">
          <a:xfrm rot="3856748">
            <a:off x="3408157" y="3486553"/>
            <a:ext cx="1921760" cy="314035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D80517C0-4B00-D608-6466-1DB56665AA91}"/>
              </a:ext>
            </a:extLst>
          </p:cNvPr>
          <p:cNvSpPr/>
          <p:nvPr/>
        </p:nvSpPr>
        <p:spPr bwMode="gray">
          <a:xfrm>
            <a:off x="3724038" y="5085347"/>
            <a:ext cx="4023029" cy="878812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C209805C-8B0A-A4EF-6CB9-A9457ED101D2}"/>
              </a:ext>
            </a:extLst>
          </p:cNvPr>
          <p:cNvSpPr/>
          <p:nvPr/>
        </p:nvSpPr>
        <p:spPr bwMode="gray">
          <a:xfrm rot="17956391">
            <a:off x="5899872" y="3374710"/>
            <a:ext cx="1921760" cy="314035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53209D4-21D4-28EC-C95E-491B91FC7CA6}"/>
              </a:ext>
            </a:extLst>
          </p:cNvPr>
          <p:cNvSpPr/>
          <p:nvPr/>
        </p:nvSpPr>
        <p:spPr bwMode="gray">
          <a:xfrm rot="3856748">
            <a:off x="2306678" y="2905564"/>
            <a:ext cx="1614971" cy="1638288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74D87B3-471F-BE1B-F1B1-ECEB1B436C59}"/>
              </a:ext>
            </a:extLst>
          </p:cNvPr>
          <p:cNvSpPr/>
          <p:nvPr/>
        </p:nvSpPr>
        <p:spPr bwMode="gray">
          <a:xfrm rot="1660619">
            <a:off x="7353547" y="2824426"/>
            <a:ext cx="1614971" cy="1638288"/>
          </a:xfrm>
          <a:prstGeom prst="rect">
            <a:avLst/>
          </a:prstGeom>
          <a:solidFill>
            <a:schemeClr val="bg1">
              <a:alpha val="8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9018901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738664"/>
          </a:xfrm>
        </p:spPr>
        <p:txBody>
          <a:bodyPr/>
          <a:lstStyle/>
          <a:p>
            <a:r>
              <a:rPr lang="en-US" dirty="0"/>
              <a:t>The </a:t>
            </a:r>
            <a:r>
              <a:rPr lang="en-US" dirty="0">
                <a:hlinkClick r:id="rId4"/>
              </a:rPr>
              <a:t>SAP Brand Tools</a:t>
            </a:r>
            <a:r>
              <a:rPr lang="en-US" dirty="0"/>
              <a:t> website provides you with all the information, tools, and guidance to bring our brand strategy to life! 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7E76DF9D-911D-3B1B-D544-97900B9D7C2F}"/>
              </a:ext>
            </a:extLst>
          </p:cNvPr>
          <p:cNvGrpSpPr/>
          <p:nvPr/>
        </p:nvGrpSpPr>
        <p:grpSpPr>
          <a:xfrm>
            <a:off x="3463342" y="1934229"/>
            <a:ext cx="2411412" cy="3251456"/>
            <a:chOff x="3396934" y="2455090"/>
            <a:chExt cx="2411412" cy="3251456"/>
          </a:xfrm>
        </p:grpSpPr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B82FED95-EEE4-73AA-09CB-94FAC64AC201}"/>
                </a:ext>
              </a:extLst>
            </p:cNvPr>
            <p:cNvSpPr txBox="1"/>
            <p:nvPr/>
          </p:nvSpPr>
          <p:spPr>
            <a:xfrm>
              <a:off x="3396934" y="3121223"/>
              <a:ext cx="2411412" cy="258532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228600" indent="-228600" fontAlgn="base">
                <a:spcBef>
                  <a:spcPct val="50000"/>
                </a:spcBef>
                <a:spcAft>
                  <a:spcPct val="0"/>
                </a:spcAft>
                <a:buClr>
                  <a:schemeClr val="accent1"/>
                </a:buClr>
                <a:buSzPct val="100000"/>
                <a:buFont typeface="Wingdings" pitchFamily="2" charset="2"/>
                <a:buChar char="§"/>
              </a:pPr>
              <a:r>
                <a:rPr lang="en-US" sz="1600" dirty="0"/>
                <a:t>Download and request licensed and approved photographs, videos, pictograms, and illustrations for use in SAP assets</a:t>
              </a:r>
            </a:p>
            <a:p>
              <a:pPr marL="228600" indent="-228600" fontAlgn="base">
                <a:spcBef>
                  <a:spcPct val="50000"/>
                </a:spcBef>
                <a:spcAft>
                  <a:spcPct val="0"/>
                </a:spcAft>
                <a:buClr>
                  <a:schemeClr val="accent1"/>
                </a:buClr>
                <a:buSzPct val="100000"/>
                <a:buFont typeface="Wingdings" pitchFamily="2" charset="2"/>
                <a:buChar char="§"/>
              </a:pPr>
              <a:r>
                <a:rPr lang="en-US" sz="1600" dirty="0"/>
                <a:t>Copy this link and paste it in a browser:</a:t>
              </a:r>
              <a:r>
                <a:rPr lang="en-US" sz="1600" kern="0" dirty="0">
                  <a:ea typeface="Arial Unicode MS" pitchFamily="34" charset="-128"/>
                </a:rPr>
                <a:t> </a:t>
              </a:r>
              <a:r>
                <a:rPr lang="en-US" sz="1600" kern="0" dirty="0">
                  <a:ea typeface="Arial Unicode MS" pitchFamily="34" charset="-128"/>
                  <a:hlinkClick r:id="rId5"/>
                </a:rPr>
                <a:t>https://www.sapbrandtools.com/imagelibrary</a:t>
              </a:r>
              <a:r>
                <a:rPr lang="en-US" sz="1600" kern="0" dirty="0">
                  <a:ea typeface="Arial Unicode MS" pitchFamily="34" charset="-128"/>
                </a:rPr>
                <a:t> </a:t>
              </a: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EDBC62B8-386B-996C-D077-0735D467883F}"/>
                </a:ext>
              </a:extLst>
            </p:cNvPr>
            <p:cNvSpPr txBox="1"/>
            <p:nvPr/>
          </p:nvSpPr>
          <p:spPr>
            <a:xfrm>
              <a:off x="4266360" y="2621908"/>
              <a:ext cx="13465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600" b="1" kern="0" dirty="0">
                  <a:ea typeface="Arial Unicode MS" pitchFamily="34" charset="-128"/>
                  <a:cs typeface="Arial Unicode MS" pitchFamily="34" charset="-128"/>
                </a:rPr>
                <a:t>Image Library</a:t>
              </a:r>
            </a:p>
          </p:txBody>
        </p:sp>
        <p:sp>
          <p:nvSpPr>
            <p:cNvPr id="11" name="Freeform 10">
              <a:extLst>
                <a:ext uri="{FF2B5EF4-FFF2-40B4-BE49-F238E27FC236}">
                  <a16:creationId xmlns:a16="http://schemas.microsoft.com/office/drawing/2014/main" id="{62855EEB-872B-09BB-0B57-A2A1692D0681}"/>
                </a:ext>
              </a:extLst>
            </p:cNvPr>
            <p:cNvSpPr/>
            <p:nvPr/>
          </p:nvSpPr>
          <p:spPr>
            <a:xfrm>
              <a:off x="3407979" y="2455090"/>
              <a:ext cx="411567" cy="253416"/>
            </a:xfrm>
            <a:custGeom>
              <a:avLst/>
              <a:gdLst>
                <a:gd name="connsiteX0" fmla="*/ 394757 w 411567"/>
                <a:gd name="connsiteY0" fmla="*/ 0 h 253416"/>
                <a:gd name="connsiteX1" fmla="*/ 16811 w 411567"/>
                <a:gd name="connsiteY1" fmla="*/ 0 h 253416"/>
                <a:gd name="connsiteX2" fmla="*/ 0 w 411567"/>
                <a:gd name="connsiteY2" fmla="*/ 16811 h 253416"/>
                <a:gd name="connsiteX3" fmla="*/ 0 w 411567"/>
                <a:gd name="connsiteY3" fmla="*/ 62576 h 253416"/>
                <a:gd name="connsiteX4" fmla="*/ 0 w 411567"/>
                <a:gd name="connsiteY4" fmla="*/ 126397 h 253416"/>
                <a:gd name="connsiteX5" fmla="*/ 0 w 411567"/>
                <a:gd name="connsiteY5" fmla="*/ 189907 h 253416"/>
                <a:gd name="connsiteX6" fmla="*/ 0 w 411567"/>
                <a:gd name="connsiteY6" fmla="*/ 236605 h 253416"/>
                <a:gd name="connsiteX7" fmla="*/ 16811 w 411567"/>
                <a:gd name="connsiteY7" fmla="*/ 253416 h 253416"/>
                <a:gd name="connsiteX8" fmla="*/ 253105 w 411567"/>
                <a:gd name="connsiteY8" fmla="*/ 253416 h 253416"/>
                <a:gd name="connsiteX9" fmla="*/ 253105 w 411567"/>
                <a:gd name="connsiteY9" fmla="*/ 200803 h 253416"/>
                <a:gd name="connsiteX10" fmla="*/ 257463 w 411567"/>
                <a:gd name="connsiteY10" fmla="*/ 190529 h 253416"/>
                <a:gd name="connsiteX11" fmla="*/ 258086 w 411567"/>
                <a:gd name="connsiteY11" fmla="*/ 189907 h 253416"/>
                <a:gd name="connsiteX12" fmla="*/ 268048 w 411567"/>
                <a:gd name="connsiteY12" fmla="*/ 187727 h 253416"/>
                <a:gd name="connsiteX13" fmla="*/ 281435 w 411567"/>
                <a:gd name="connsiteY13" fmla="*/ 189907 h 253416"/>
                <a:gd name="connsiteX14" fmla="*/ 283926 w 411567"/>
                <a:gd name="connsiteY14" fmla="*/ 190218 h 253416"/>
                <a:gd name="connsiteX15" fmla="*/ 317860 w 411567"/>
                <a:gd name="connsiteY15" fmla="*/ 195510 h 253416"/>
                <a:gd name="connsiteX16" fmla="*/ 378879 w 411567"/>
                <a:gd name="connsiteY16" fmla="*/ 204850 h 253416"/>
                <a:gd name="connsiteX17" fmla="*/ 411568 w 411567"/>
                <a:gd name="connsiteY17" fmla="*/ 215435 h 253416"/>
                <a:gd name="connsiteX18" fmla="*/ 411568 w 411567"/>
                <a:gd name="connsiteY18" fmla="*/ 189907 h 253416"/>
                <a:gd name="connsiteX19" fmla="*/ 411568 w 411567"/>
                <a:gd name="connsiteY19" fmla="*/ 126397 h 253416"/>
                <a:gd name="connsiteX20" fmla="*/ 411568 w 411567"/>
                <a:gd name="connsiteY20" fmla="*/ 62576 h 253416"/>
                <a:gd name="connsiteX21" fmla="*/ 411568 w 411567"/>
                <a:gd name="connsiteY21" fmla="*/ 16811 h 253416"/>
                <a:gd name="connsiteX22" fmla="*/ 394757 w 411567"/>
                <a:gd name="connsiteY22" fmla="*/ 0 h 253416"/>
                <a:gd name="connsiteX23" fmla="*/ 271162 w 411567"/>
                <a:gd name="connsiteY23" fmla="*/ 127019 h 253416"/>
                <a:gd name="connsiteX24" fmla="*/ 263067 w 411567"/>
                <a:gd name="connsiteY24" fmla="*/ 139784 h 253416"/>
                <a:gd name="connsiteX25" fmla="*/ 163444 w 411567"/>
                <a:gd name="connsiteY25" fmla="*/ 188350 h 253416"/>
                <a:gd name="connsiteX26" fmla="*/ 157218 w 411567"/>
                <a:gd name="connsiteY26" fmla="*/ 189907 h 253416"/>
                <a:gd name="connsiteX27" fmla="*/ 149435 w 411567"/>
                <a:gd name="connsiteY27" fmla="*/ 187727 h 253416"/>
                <a:gd name="connsiteX28" fmla="*/ 142586 w 411567"/>
                <a:gd name="connsiteY28" fmla="*/ 175586 h 253416"/>
                <a:gd name="connsiteX29" fmla="*/ 142897 w 411567"/>
                <a:gd name="connsiteY29" fmla="*/ 126708 h 253416"/>
                <a:gd name="connsiteX30" fmla="*/ 143208 w 411567"/>
                <a:gd name="connsiteY30" fmla="*/ 77831 h 253416"/>
                <a:gd name="connsiteX31" fmla="*/ 150057 w 411567"/>
                <a:gd name="connsiteY31" fmla="*/ 65689 h 253416"/>
                <a:gd name="connsiteX32" fmla="*/ 164067 w 411567"/>
                <a:gd name="connsiteY32" fmla="*/ 65066 h 253416"/>
                <a:gd name="connsiteX33" fmla="*/ 263379 w 411567"/>
                <a:gd name="connsiteY33" fmla="*/ 114567 h 253416"/>
                <a:gd name="connsiteX34" fmla="*/ 271473 w 411567"/>
                <a:gd name="connsiteY34" fmla="*/ 127019 h 253416"/>
                <a:gd name="connsiteX35" fmla="*/ 271162 w 411567"/>
                <a:gd name="connsiteY35" fmla="*/ 127019 h 25341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</a:cxnLst>
              <a:rect l="l" t="t" r="r" b="b"/>
              <a:pathLst>
                <a:path w="411567" h="253416">
                  <a:moveTo>
                    <a:pt x="394757" y="0"/>
                  </a:moveTo>
                  <a:lnTo>
                    <a:pt x="16811" y="0"/>
                  </a:lnTo>
                  <a:cubicBezTo>
                    <a:pt x="7472" y="0"/>
                    <a:pt x="0" y="7472"/>
                    <a:pt x="0" y="16811"/>
                  </a:cubicBezTo>
                  <a:lnTo>
                    <a:pt x="0" y="62576"/>
                  </a:lnTo>
                  <a:lnTo>
                    <a:pt x="0" y="126397"/>
                  </a:lnTo>
                  <a:lnTo>
                    <a:pt x="0" y="189907"/>
                  </a:lnTo>
                  <a:lnTo>
                    <a:pt x="0" y="236605"/>
                  </a:lnTo>
                  <a:cubicBezTo>
                    <a:pt x="0" y="245945"/>
                    <a:pt x="7472" y="253416"/>
                    <a:pt x="16811" y="253416"/>
                  </a:cubicBezTo>
                  <a:lnTo>
                    <a:pt x="253105" y="253416"/>
                  </a:lnTo>
                  <a:cubicBezTo>
                    <a:pt x="253105" y="235982"/>
                    <a:pt x="253105" y="218237"/>
                    <a:pt x="253105" y="200803"/>
                  </a:cubicBezTo>
                  <a:cubicBezTo>
                    <a:pt x="253105" y="195199"/>
                    <a:pt x="255284" y="192086"/>
                    <a:pt x="257463" y="190529"/>
                  </a:cubicBezTo>
                  <a:cubicBezTo>
                    <a:pt x="257775" y="190218"/>
                    <a:pt x="258086" y="190218"/>
                    <a:pt x="258086" y="189907"/>
                  </a:cubicBezTo>
                  <a:cubicBezTo>
                    <a:pt x="259954" y="188350"/>
                    <a:pt x="263379" y="187105"/>
                    <a:pt x="268048" y="187727"/>
                  </a:cubicBezTo>
                  <a:cubicBezTo>
                    <a:pt x="272407" y="188350"/>
                    <a:pt x="276765" y="188973"/>
                    <a:pt x="281435" y="189907"/>
                  </a:cubicBezTo>
                  <a:cubicBezTo>
                    <a:pt x="282369" y="189907"/>
                    <a:pt x="282992" y="190218"/>
                    <a:pt x="283926" y="190218"/>
                  </a:cubicBezTo>
                  <a:lnTo>
                    <a:pt x="317860" y="195510"/>
                  </a:lnTo>
                  <a:cubicBezTo>
                    <a:pt x="338096" y="198624"/>
                    <a:pt x="358643" y="201737"/>
                    <a:pt x="378879" y="204850"/>
                  </a:cubicBezTo>
                  <a:cubicBezTo>
                    <a:pt x="391955" y="207029"/>
                    <a:pt x="402540" y="210142"/>
                    <a:pt x="411568" y="215435"/>
                  </a:cubicBezTo>
                  <a:lnTo>
                    <a:pt x="411568" y="189907"/>
                  </a:lnTo>
                  <a:lnTo>
                    <a:pt x="411568" y="126397"/>
                  </a:lnTo>
                  <a:lnTo>
                    <a:pt x="411568" y="62576"/>
                  </a:lnTo>
                  <a:lnTo>
                    <a:pt x="411568" y="16811"/>
                  </a:lnTo>
                  <a:cubicBezTo>
                    <a:pt x="411568" y="7472"/>
                    <a:pt x="404096" y="0"/>
                    <a:pt x="394757" y="0"/>
                  </a:cubicBezTo>
                  <a:close/>
                  <a:moveTo>
                    <a:pt x="271162" y="127019"/>
                  </a:moveTo>
                  <a:cubicBezTo>
                    <a:pt x="271162" y="132623"/>
                    <a:pt x="268048" y="137604"/>
                    <a:pt x="263067" y="139784"/>
                  </a:cubicBezTo>
                  <a:lnTo>
                    <a:pt x="163444" y="188350"/>
                  </a:lnTo>
                  <a:cubicBezTo>
                    <a:pt x="161576" y="189284"/>
                    <a:pt x="159397" y="189907"/>
                    <a:pt x="157218" y="189907"/>
                  </a:cubicBezTo>
                  <a:cubicBezTo>
                    <a:pt x="154416" y="189907"/>
                    <a:pt x="151925" y="189284"/>
                    <a:pt x="149435" y="187727"/>
                  </a:cubicBezTo>
                  <a:cubicBezTo>
                    <a:pt x="145076" y="184925"/>
                    <a:pt x="142586" y="180567"/>
                    <a:pt x="142586" y="175586"/>
                  </a:cubicBezTo>
                  <a:lnTo>
                    <a:pt x="142897" y="126708"/>
                  </a:lnTo>
                  <a:lnTo>
                    <a:pt x="143208" y="77831"/>
                  </a:lnTo>
                  <a:cubicBezTo>
                    <a:pt x="143208" y="72849"/>
                    <a:pt x="145699" y="68180"/>
                    <a:pt x="150057" y="65689"/>
                  </a:cubicBezTo>
                  <a:cubicBezTo>
                    <a:pt x="154416" y="63198"/>
                    <a:pt x="159708" y="62887"/>
                    <a:pt x="164067" y="65066"/>
                  </a:cubicBezTo>
                  <a:lnTo>
                    <a:pt x="263379" y="114567"/>
                  </a:lnTo>
                  <a:cubicBezTo>
                    <a:pt x="268048" y="117057"/>
                    <a:pt x="271162" y="121727"/>
                    <a:pt x="271473" y="127019"/>
                  </a:cubicBezTo>
                  <a:cubicBezTo>
                    <a:pt x="270850" y="126397"/>
                    <a:pt x="271162" y="126708"/>
                    <a:pt x="271162" y="127019"/>
                  </a:cubicBezTo>
                  <a:close/>
                </a:path>
              </a:pathLst>
            </a:custGeom>
            <a:solidFill>
              <a:srgbClr val="008FD3"/>
            </a:solidFill>
            <a:ln w="3111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" name="Freeform 13">
              <a:extLst>
                <a:ext uri="{FF2B5EF4-FFF2-40B4-BE49-F238E27FC236}">
                  <a16:creationId xmlns:a16="http://schemas.microsoft.com/office/drawing/2014/main" id="{744B225F-B44B-D229-6325-EDC26B74497F}"/>
                </a:ext>
              </a:extLst>
            </p:cNvPr>
            <p:cNvSpPr/>
            <p:nvPr/>
          </p:nvSpPr>
          <p:spPr>
            <a:xfrm>
              <a:off x="3407979" y="2455090"/>
              <a:ext cx="411567" cy="62575"/>
            </a:xfrm>
            <a:custGeom>
              <a:avLst/>
              <a:gdLst>
                <a:gd name="connsiteX0" fmla="*/ 411568 w 411567"/>
                <a:gd name="connsiteY0" fmla="*/ 16811 h 62575"/>
                <a:gd name="connsiteX1" fmla="*/ 394757 w 411567"/>
                <a:gd name="connsiteY1" fmla="*/ 0 h 62575"/>
                <a:gd name="connsiteX2" fmla="*/ 16811 w 411567"/>
                <a:gd name="connsiteY2" fmla="*/ 0 h 62575"/>
                <a:gd name="connsiteX3" fmla="*/ 0 w 411567"/>
                <a:gd name="connsiteY3" fmla="*/ 16811 h 62575"/>
                <a:gd name="connsiteX4" fmla="*/ 0 w 411567"/>
                <a:gd name="connsiteY4" fmla="*/ 62576 h 62575"/>
                <a:gd name="connsiteX5" fmla="*/ 411568 w 411567"/>
                <a:gd name="connsiteY5" fmla="*/ 62576 h 62575"/>
                <a:gd name="connsiteX6" fmla="*/ 411568 w 411567"/>
                <a:gd name="connsiteY6" fmla="*/ 16811 h 62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11567" h="62575">
                  <a:moveTo>
                    <a:pt x="411568" y="16811"/>
                  </a:moveTo>
                  <a:cubicBezTo>
                    <a:pt x="411568" y="7472"/>
                    <a:pt x="404096" y="0"/>
                    <a:pt x="394757" y="0"/>
                  </a:cubicBezTo>
                  <a:lnTo>
                    <a:pt x="16811" y="0"/>
                  </a:lnTo>
                  <a:cubicBezTo>
                    <a:pt x="7472" y="0"/>
                    <a:pt x="0" y="7472"/>
                    <a:pt x="0" y="16811"/>
                  </a:cubicBezTo>
                  <a:lnTo>
                    <a:pt x="0" y="62576"/>
                  </a:lnTo>
                  <a:lnTo>
                    <a:pt x="411568" y="62576"/>
                  </a:lnTo>
                  <a:lnTo>
                    <a:pt x="411568" y="16811"/>
                  </a:lnTo>
                  <a:close/>
                </a:path>
              </a:pathLst>
            </a:custGeom>
            <a:solidFill>
              <a:srgbClr val="F0AB00"/>
            </a:solidFill>
            <a:ln w="3111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" name="Freeform 17">
              <a:extLst>
                <a:ext uri="{FF2B5EF4-FFF2-40B4-BE49-F238E27FC236}">
                  <a16:creationId xmlns:a16="http://schemas.microsoft.com/office/drawing/2014/main" id="{A3946CD8-97CD-CC0E-FD57-D38BD60415E7}"/>
                </a:ext>
              </a:extLst>
            </p:cNvPr>
            <p:cNvSpPr/>
            <p:nvPr/>
          </p:nvSpPr>
          <p:spPr>
            <a:xfrm>
              <a:off x="3407979" y="2517665"/>
              <a:ext cx="411879" cy="64132"/>
            </a:xfrm>
            <a:custGeom>
              <a:avLst/>
              <a:gdLst>
                <a:gd name="connsiteX0" fmla="*/ 411568 w 411879"/>
                <a:gd name="connsiteY0" fmla="*/ 0 h 64132"/>
                <a:gd name="connsiteX1" fmla="*/ 0 w 411879"/>
                <a:gd name="connsiteY1" fmla="*/ 0 h 64132"/>
                <a:gd name="connsiteX2" fmla="*/ 0 w 411879"/>
                <a:gd name="connsiteY2" fmla="*/ 63821 h 64132"/>
                <a:gd name="connsiteX3" fmla="*/ 142897 w 411879"/>
                <a:gd name="connsiteY3" fmla="*/ 63821 h 64132"/>
                <a:gd name="connsiteX4" fmla="*/ 143208 w 411879"/>
                <a:gd name="connsiteY4" fmla="*/ 14943 h 64132"/>
                <a:gd name="connsiteX5" fmla="*/ 150057 w 411879"/>
                <a:gd name="connsiteY5" fmla="*/ 2802 h 64132"/>
                <a:gd name="connsiteX6" fmla="*/ 164067 w 411879"/>
                <a:gd name="connsiteY6" fmla="*/ 2179 h 64132"/>
                <a:gd name="connsiteX7" fmla="*/ 263379 w 411879"/>
                <a:gd name="connsiteY7" fmla="*/ 51679 h 64132"/>
                <a:gd name="connsiteX8" fmla="*/ 271473 w 411879"/>
                <a:gd name="connsiteY8" fmla="*/ 64132 h 64132"/>
                <a:gd name="connsiteX9" fmla="*/ 411879 w 411879"/>
                <a:gd name="connsiteY9" fmla="*/ 64132 h 64132"/>
                <a:gd name="connsiteX10" fmla="*/ 411879 w 411879"/>
                <a:gd name="connsiteY10" fmla="*/ 0 h 6413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11879" h="64132">
                  <a:moveTo>
                    <a:pt x="411568" y="0"/>
                  </a:moveTo>
                  <a:lnTo>
                    <a:pt x="0" y="0"/>
                  </a:lnTo>
                  <a:lnTo>
                    <a:pt x="0" y="63821"/>
                  </a:lnTo>
                  <a:lnTo>
                    <a:pt x="142897" y="63821"/>
                  </a:lnTo>
                  <a:lnTo>
                    <a:pt x="143208" y="14943"/>
                  </a:lnTo>
                  <a:cubicBezTo>
                    <a:pt x="143208" y="9962"/>
                    <a:pt x="145699" y="5292"/>
                    <a:pt x="150057" y="2802"/>
                  </a:cubicBezTo>
                  <a:cubicBezTo>
                    <a:pt x="154416" y="311"/>
                    <a:pt x="159708" y="0"/>
                    <a:pt x="164067" y="2179"/>
                  </a:cubicBezTo>
                  <a:lnTo>
                    <a:pt x="263379" y="51679"/>
                  </a:lnTo>
                  <a:cubicBezTo>
                    <a:pt x="268048" y="54170"/>
                    <a:pt x="271162" y="58840"/>
                    <a:pt x="271473" y="64132"/>
                  </a:cubicBezTo>
                  <a:lnTo>
                    <a:pt x="411879" y="64132"/>
                  </a:lnTo>
                  <a:lnTo>
                    <a:pt x="411879" y="0"/>
                  </a:lnTo>
                  <a:close/>
                </a:path>
              </a:pathLst>
            </a:custGeom>
            <a:solidFill>
              <a:srgbClr val="F0AB00">
                <a:alpha val="70000"/>
              </a:srgbClr>
            </a:solidFill>
            <a:ln w="3111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" name="Freeform 19">
              <a:extLst>
                <a:ext uri="{FF2B5EF4-FFF2-40B4-BE49-F238E27FC236}">
                  <a16:creationId xmlns:a16="http://schemas.microsoft.com/office/drawing/2014/main" id="{88BAA60C-8DB2-549E-572F-2E0CB7FFFD2E}"/>
                </a:ext>
              </a:extLst>
            </p:cNvPr>
            <p:cNvSpPr/>
            <p:nvPr/>
          </p:nvSpPr>
          <p:spPr>
            <a:xfrm>
              <a:off x="3407979" y="2581486"/>
              <a:ext cx="411567" cy="63509"/>
            </a:xfrm>
            <a:custGeom>
              <a:avLst/>
              <a:gdLst>
                <a:gd name="connsiteX0" fmla="*/ 270850 w 411567"/>
                <a:gd name="connsiteY0" fmla="*/ 0 h 63509"/>
                <a:gd name="connsiteX1" fmla="*/ 270850 w 411567"/>
                <a:gd name="connsiteY1" fmla="*/ 623 h 63509"/>
                <a:gd name="connsiteX2" fmla="*/ 262756 w 411567"/>
                <a:gd name="connsiteY2" fmla="*/ 13387 h 63509"/>
                <a:gd name="connsiteX3" fmla="*/ 163133 w 411567"/>
                <a:gd name="connsiteY3" fmla="*/ 61953 h 63509"/>
                <a:gd name="connsiteX4" fmla="*/ 156906 w 411567"/>
                <a:gd name="connsiteY4" fmla="*/ 63510 h 63509"/>
                <a:gd name="connsiteX5" fmla="*/ 149123 w 411567"/>
                <a:gd name="connsiteY5" fmla="*/ 61330 h 63509"/>
                <a:gd name="connsiteX6" fmla="*/ 142274 w 411567"/>
                <a:gd name="connsiteY6" fmla="*/ 49189 h 63509"/>
                <a:gd name="connsiteX7" fmla="*/ 142586 w 411567"/>
                <a:gd name="connsiteY7" fmla="*/ 311 h 63509"/>
                <a:gd name="connsiteX8" fmla="*/ 0 w 411567"/>
                <a:gd name="connsiteY8" fmla="*/ 311 h 63509"/>
                <a:gd name="connsiteX9" fmla="*/ 0 w 411567"/>
                <a:gd name="connsiteY9" fmla="*/ 63510 h 63509"/>
                <a:gd name="connsiteX10" fmla="*/ 258086 w 411567"/>
                <a:gd name="connsiteY10" fmla="*/ 63510 h 63509"/>
                <a:gd name="connsiteX11" fmla="*/ 268048 w 411567"/>
                <a:gd name="connsiteY11" fmla="*/ 61330 h 63509"/>
                <a:gd name="connsiteX12" fmla="*/ 281435 w 411567"/>
                <a:gd name="connsiteY12" fmla="*/ 63510 h 63509"/>
                <a:gd name="connsiteX13" fmla="*/ 411568 w 411567"/>
                <a:gd name="connsiteY13" fmla="*/ 63510 h 63509"/>
                <a:gd name="connsiteX14" fmla="*/ 411568 w 411567"/>
                <a:gd name="connsiteY14" fmla="*/ 0 h 63509"/>
                <a:gd name="connsiteX15" fmla="*/ 270850 w 411567"/>
                <a:gd name="connsiteY15" fmla="*/ 0 h 635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11567" h="63509">
                  <a:moveTo>
                    <a:pt x="270850" y="0"/>
                  </a:moveTo>
                  <a:cubicBezTo>
                    <a:pt x="270850" y="311"/>
                    <a:pt x="270850" y="311"/>
                    <a:pt x="270850" y="623"/>
                  </a:cubicBezTo>
                  <a:cubicBezTo>
                    <a:pt x="270850" y="6226"/>
                    <a:pt x="267737" y="11208"/>
                    <a:pt x="262756" y="13387"/>
                  </a:cubicBezTo>
                  <a:lnTo>
                    <a:pt x="163133" y="61953"/>
                  </a:lnTo>
                  <a:cubicBezTo>
                    <a:pt x="161265" y="62887"/>
                    <a:pt x="159086" y="63510"/>
                    <a:pt x="156906" y="63510"/>
                  </a:cubicBezTo>
                  <a:cubicBezTo>
                    <a:pt x="154104" y="63510"/>
                    <a:pt x="151614" y="62887"/>
                    <a:pt x="149123" y="61330"/>
                  </a:cubicBezTo>
                  <a:cubicBezTo>
                    <a:pt x="144765" y="58529"/>
                    <a:pt x="142274" y="54170"/>
                    <a:pt x="142274" y="49189"/>
                  </a:cubicBezTo>
                  <a:lnTo>
                    <a:pt x="142586" y="311"/>
                  </a:lnTo>
                  <a:lnTo>
                    <a:pt x="0" y="311"/>
                  </a:lnTo>
                  <a:lnTo>
                    <a:pt x="0" y="63510"/>
                  </a:lnTo>
                  <a:lnTo>
                    <a:pt x="258086" y="63510"/>
                  </a:lnTo>
                  <a:cubicBezTo>
                    <a:pt x="259954" y="61953"/>
                    <a:pt x="263379" y="60708"/>
                    <a:pt x="268048" y="61330"/>
                  </a:cubicBezTo>
                  <a:cubicBezTo>
                    <a:pt x="272407" y="61953"/>
                    <a:pt x="276765" y="62576"/>
                    <a:pt x="281435" y="63510"/>
                  </a:cubicBezTo>
                  <a:lnTo>
                    <a:pt x="411568" y="63510"/>
                  </a:lnTo>
                  <a:lnTo>
                    <a:pt x="411568" y="0"/>
                  </a:lnTo>
                  <a:lnTo>
                    <a:pt x="270850" y="0"/>
                  </a:lnTo>
                  <a:close/>
                </a:path>
              </a:pathLst>
            </a:custGeom>
            <a:solidFill>
              <a:srgbClr val="F0AB00">
                <a:alpha val="40000"/>
              </a:srgbClr>
            </a:solidFill>
            <a:ln w="3111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" name="Freeform 20">
              <a:extLst>
                <a:ext uri="{FF2B5EF4-FFF2-40B4-BE49-F238E27FC236}">
                  <a16:creationId xmlns:a16="http://schemas.microsoft.com/office/drawing/2014/main" id="{28A57870-A7B8-D6FC-EEBA-38EC1FBD7F26}"/>
                </a:ext>
              </a:extLst>
            </p:cNvPr>
            <p:cNvSpPr/>
            <p:nvPr/>
          </p:nvSpPr>
          <p:spPr>
            <a:xfrm>
              <a:off x="3400196" y="2460382"/>
              <a:ext cx="580615" cy="468851"/>
            </a:xfrm>
            <a:custGeom>
              <a:avLst/>
              <a:gdLst>
                <a:gd name="connsiteX0" fmla="*/ 580616 w 580615"/>
                <a:gd name="connsiteY0" fmla="*/ 195822 h 468851"/>
                <a:gd name="connsiteX1" fmla="*/ 576257 w 580615"/>
                <a:gd name="connsiteY1" fmla="*/ 185548 h 468851"/>
                <a:gd name="connsiteX2" fmla="*/ 565361 w 580615"/>
                <a:gd name="connsiteY2" fmla="*/ 183057 h 468851"/>
                <a:gd name="connsiteX3" fmla="*/ 549795 w 580615"/>
                <a:gd name="connsiteY3" fmla="*/ 185548 h 468851"/>
                <a:gd name="connsiteX4" fmla="*/ 515550 w 580615"/>
                <a:gd name="connsiteY4" fmla="*/ 190841 h 468851"/>
                <a:gd name="connsiteX5" fmla="*/ 454842 w 580615"/>
                <a:gd name="connsiteY5" fmla="*/ 200180 h 468851"/>
                <a:gd name="connsiteX6" fmla="*/ 420908 w 580615"/>
                <a:gd name="connsiteY6" fmla="*/ 211699 h 468851"/>
                <a:gd name="connsiteX7" fmla="*/ 419351 w 580615"/>
                <a:gd name="connsiteY7" fmla="*/ 210765 h 468851"/>
                <a:gd name="connsiteX8" fmla="*/ 386662 w 580615"/>
                <a:gd name="connsiteY8" fmla="*/ 200180 h 468851"/>
                <a:gd name="connsiteX9" fmla="*/ 325643 w 580615"/>
                <a:gd name="connsiteY9" fmla="*/ 190841 h 468851"/>
                <a:gd name="connsiteX10" fmla="*/ 291709 w 580615"/>
                <a:gd name="connsiteY10" fmla="*/ 185548 h 468851"/>
                <a:gd name="connsiteX11" fmla="*/ 289218 w 580615"/>
                <a:gd name="connsiteY11" fmla="*/ 185237 h 468851"/>
                <a:gd name="connsiteX12" fmla="*/ 275831 w 580615"/>
                <a:gd name="connsiteY12" fmla="*/ 183057 h 468851"/>
                <a:gd name="connsiteX13" fmla="*/ 265869 w 580615"/>
                <a:gd name="connsiteY13" fmla="*/ 185237 h 468851"/>
                <a:gd name="connsiteX14" fmla="*/ 265247 w 580615"/>
                <a:gd name="connsiteY14" fmla="*/ 185859 h 468851"/>
                <a:gd name="connsiteX15" fmla="*/ 260888 w 580615"/>
                <a:gd name="connsiteY15" fmla="*/ 196133 h 468851"/>
                <a:gd name="connsiteX16" fmla="*/ 260888 w 580615"/>
                <a:gd name="connsiteY16" fmla="*/ 248746 h 468851"/>
                <a:gd name="connsiteX17" fmla="*/ 260888 w 580615"/>
                <a:gd name="connsiteY17" fmla="*/ 389153 h 468851"/>
                <a:gd name="connsiteX18" fmla="*/ 272407 w 580615"/>
                <a:gd name="connsiteY18" fmla="*/ 402540 h 468851"/>
                <a:gd name="connsiteX19" fmla="*/ 312567 w 580615"/>
                <a:gd name="connsiteY19" fmla="*/ 409077 h 468851"/>
                <a:gd name="connsiteX20" fmla="*/ 400672 w 580615"/>
                <a:gd name="connsiteY20" fmla="*/ 423087 h 468851"/>
                <a:gd name="connsiteX21" fmla="*/ 413436 w 580615"/>
                <a:gd name="connsiteY21" fmla="*/ 437096 h 468851"/>
                <a:gd name="connsiteX22" fmla="*/ 420596 w 580615"/>
                <a:gd name="connsiteY22" fmla="*/ 443323 h 468851"/>
                <a:gd name="connsiteX23" fmla="*/ 420596 w 580615"/>
                <a:gd name="connsiteY23" fmla="*/ 443323 h 468851"/>
                <a:gd name="connsiteX24" fmla="*/ 427757 w 580615"/>
                <a:gd name="connsiteY24" fmla="*/ 437096 h 468851"/>
                <a:gd name="connsiteX25" fmla="*/ 440521 w 580615"/>
                <a:gd name="connsiteY25" fmla="*/ 423087 h 468851"/>
                <a:gd name="connsiteX26" fmla="*/ 528936 w 580615"/>
                <a:gd name="connsiteY26" fmla="*/ 408766 h 468851"/>
                <a:gd name="connsiteX27" fmla="*/ 568786 w 580615"/>
                <a:gd name="connsiteY27" fmla="*/ 402540 h 468851"/>
                <a:gd name="connsiteX28" fmla="*/ 580305 w 580615"/>
                <a:gd name="connsiteY28" fmla="*/ 389153 h 468851"/>
                <a:gd name="connsiteX29" fmla="*/ 580616 w 580615"/>
                <a:gd name="connsiteY29" fmla="*/ 195822 h 468851"/>
                <a:gd name="connsiteX30" fmla="*/ 568163 w 580615"/>
                <a:gd name="connsiteY30" fmla="*/ 389775 h 468851"/>
                <a:gd name="connsiteX31" fmla="*/ 567229 w 580615"/>
                <a:gd name="connsiteY31" fmla="*/ 390087 h 468851"/>
                <a:gd name="connsiteX32" fmla="*/ 527380 w 580615"/>
                <a:gd name="connsiteY32" fmla="*/ 396313 h 468851"/>
                <a:gd name="connsiteX33" fmla="*/ 438964 w 580615"/>
                <a:gd name="connsiteY33" fmla="*/ 410634 h 468851"/>
                <a:gd name="connsiteX34" fmla="*/ 426511 w 580615"/>
                <a:gd name="connsiteY34" fmla="*/ 415615 h 468851"/>
                <a:gd name="connsiteX35" fmla="*/ 426511 w 580615"/>
                <a:gd name="connsiteY35" fmla="*/ 278011 h 468851"/>
                <a:gd name="connsiteX36" fmla="*/ 420285 w 580615"/>
                <a:gd name="connsiteY36" fmla="*/ 271784 h 468851"/>
                <a:gd name="connsiteX37" fmla="*/ 414058 w 580615"/>
                <a:gd name="connsiteY37" fmla="*/ 278011 h 468851"/>
                <a:gd name="connsiteX38" fmla="*/ 414058 w 580615"/>
                <a:gd name="connsiteY38" fmla="*/ 414992 h 468851"/>
                <a:gd name="connsiteX39" fmla="*/ 402540 w 580615"/>
                <a:gd name="connsiteY39" fmla="*/ 410634 h 468851"/>
                <a:gd name="connsiteX40" fmla="*/ 314435 w 580615"/>
                <a:gd name="connsiteY40" fmla="*/ 396624 h 468851"/>
                <a:gd name="connsiteX41" fmla="*/ 274275 w 580615"/>
                <a:gd name="connsiteY41" fmla="*/ 390087 h 468851"/>
                <a:gd name="connsiteX42" fmla="*/ 273341 w 580615"/>
                <a:gd name="connsiteY42" fmla="*/ 389775 h 468851"/>
                <a:gd name="connsiteX43" fmla="*/ 273341 w 580615"/>
                <a:gd name="connsiteY43" fmla="*/ 388841 h 468851"/>
                <a:gd name="connsiteX44" fmla="*/ 273341 w 580615"/>
                <a:gd name="connsiteY44" fmla="*/ 248435 h 468851"/>
                <a:gd name="connsiteX45" fmla="*/ 273341 w 580615"/>
                <a:gd name="connsiteY45" fmla="*/ 195822 h 468851"/>
                <a:gd name="connsiteX46" fmla="*/ 273341 w 580615"/>
                <a:gd name="connsiteY46" fmla="*/ 194888 h 468851"/>
                <a:gd name="connsiteX47" fmla="*/ 273964 w 580615"/>
                <a:gd name="connsiteY47" fmla="*/ 194888 h 468851"/>
                <a:gd name="connsiteX48" fmla="*/ 289530 w 580615"/>
                <a:gd name="connsiteY48" fmla="*/ 197378 h 468851"/>
                <a:gd name="connsiteX49" fmla="*/ 323775 w 580615"/>
                <a:gd name="connsiteY49" fmla="*/ 202671 h 468851"/>
                <a:gd name="connsiteX50" fmla="*/ 384794 w 580615"/>
                <a:gd name="connsiteY50" fmla="*/ 212010 h 468851"/>
                <a:gd name="connsiteX51" fmla="*/ 414992 w 580615"/>
                <a:gd name="connsiteY51" fmla="*/ 222284 h 468851"/>
                <a:gd name="connsiteX52" fmla="*/ 419351 w 580615"/>
                <a:gd name="connsiteY52" fmla="*/ 224152 h 468851"/>
                <a:gd name="connsiteX53" fmla="*/ 426511 w 580615"/>
                <a:gd name="connsiteY53" fmla="*/ 222284 h 468851"/>
                <a:gd name="connsiteX54" fmla="*/ 456710 w 580615"/>
                <a:gd name="connsiteY54" fmla="*/ 212010 h 468851"/>
                <a:gd name="connsiteX55" fmla="*/ 517417 w 580615"/>
                <a:gd name="connsiteY55" fmla="*/ 202671 h 468851"/>
                <a:gd name="connsiteX56" fmla="*/ 551663 w 580615"/>
                <a:gd name="connsiteY56" fmla="*/ 197378 h 468851"/>
                <a:gd name="connsiteX57" fmla="*/ 567229 w 580615"/>
                <a:gd name="connsiteY57" fmla="*/ 194888 h 468851"/>
                <a:gd name="connsiteX58" fmla="*/ 567852 w 580615"/>
                <a:gd name="connsiteY58" fmla="*/ 194888 h 468851"/>
                <a:gd name="connsiteX59" fmla="*/ 567852 w 580615"/>
                <a:gd name="connsiteY59" fmla="*/ 195822 h 468851"/>
                <a:gd name="connsiteX60" fmla="*/ 567852 w 580615"/>
                <a:gd name="connsiteY60" fmla="*/ 388841 h 468851"/>
                <a:gd name="connsiteX61" fmla="*/ 568163 w 580615"/>
                <a:gd name="connsiteY61" fmla="*/ 389775 h 468851"/>
                <a:gd name="connsiteX62" fmla="*/ 452662 w 580615"/>
                <a:gd name="connsiteY62" fmla="*/ 319728 h 468851"/>
                <a:gd name="connsiteX63" fmla="*/ 457644 w 580615"/>
                <a:gd name="connsiteY63" fmla="*/ 312567 h 468851"/>
                <a:gd name="connsiteX64" fmla="*/ 535474 w 580615"/>
                <a:gd name="connsiteY64" fmla="*/ 299492 h 468851"/>
                <a:gd name="connsiteX65" fmla="*/ 542635 w 580615"/>
                <a:gd name="connsiteY65" fmla="*/ 304473 h 468851"/>
                <a:gd name="connsiteX66" fmla="*/ 537653 w 580615"/>
                <a:gd name="connsiteY66" fmla="*/ 311634 h 468851"/>
                <a:gd name="connsiteX67" fmla="*/ 459823 w 580615"/>
                <a:gd name="connsiteY67" fmla="*/ 324709 h 468851"/>
                <a:gd name="connsiteX68" fmla="*/ 458889 w 580615"/>
                <a:gd name="connsiteY68" fmla="*/ 324709 h 468851"/>
                <a:gd name="connsiteX69" fmla="*/ 452662 w 580615"/>
                <a:gd name="connsiteY69" fmla="*/ 319728 h 468851"/>
                <a:gd name="connsiteX70" fmla="*/ 452974 w 580615"/>
                <a:gd name="connsiteY70" fmla="*/ 245945 h 468851"/>
                <a:gd name="connsiteX71" fmla="*/ 457955 w 580615"/>
                <a:gd name="connsiteY71" fmla="*/ 238784 h 468851"/>
                <a:gd name="connsiteX72" fmla="*/ 535786 w 580615"/>
                <a:gd name="connsiteY72" fmla="*/ 225709 h 468851"/>
                <a:gd name="connsiteX73" fmla="*/ 542946 w 580615"/>
                <a:gd name="connsiteY73" fmla="*/ 230690 h 468851"/>
                <a:gd name="connsiteX74" fmla="*/ 537965 w 580615"/>
                <a:gd name="connsiteY74" fmla="*/ 237850 h 468851"/>
                <a:gd name="connsiteX75" fmla="*/ 460134 w 580615"/>
                <a:gd name="connsiteY75" fmla="*/ 250926 h 468851"/>
                <a:gd name="connsiteX76" fmla="*/ 459200 w 580615"/>
                <a:gd name="connsiteY76" fmla="*/ 250926 h 468851"/>
                <a:gd name="connsiteX77" fmla="*/ 452974 w 580615"/>
                <a:gd name="connsiteY77" fmla="*/ 245945 h 468851"/>
                <a:gd name="connsiteX78" fmla="*/ 578437 w 580615"/>
                <a:gd name="connsiteY78" fmla="*/ 419974 h 468851"/>
                <a:gd name="connsiteX79" fmla="*/ 573144 w 580615"/>
                <a:gd name="connsiteY79" fmla="*/ 427134 h 468851"/>
                <a:gd name="connsiteX80" fmla="*/ 458266 w 580615"/>
                <a:gd name="connsiteY80" fmla="*/ 444879 h 468851"/>
                <a:gd name="connsiteX81" fmla="*/ 447681 w 580615"/>
                <a:gd name="connsiteY81" fmla="*/ 454219 h 468851"/>
                <a:gd name="connsiteX82" fmla="*/ 430559 w 580615"/>
                <a:gd name="connsiteY82" fmla="*/ 468851 h 468851"/>
                <a:gd name="connsiteX83" fmla="*/ 409389 w 580615"/>
                <a:gd name="connsiteY83" fmla="*/ 468851 h 468851"/>
                <a:gd name="connsiteX84" fmla="*/ 392266 w 580615"/>
                <a:gd name="connsiteY84" fmla="*/ 454219 h 468851"/>
                <a:gd name="connsiteX85" fmla="*/ 381992 w 580615"/>
                <a:gd name="connsiteY85" fmla="*/ 444879 h 468851"/>
                <a:gd name="connsiteX86" fmla="*/ 381681 w 580615"/>
                <a:gd name="connsiteY86" fmla="*/ 444879 h 468851"/>
                <a:gd name="connsiteX87" fmla="*/ 265869 w 580615"/>
                <a:gd name="connsiteY87" fmla="*/ 425889 h 468851"/>
                <a:gd name="connsiteX88" fmla="*/ 260577 w 580615"/>
                <a:gd name="connsiteY88" fmla="*/ 418728 h 468851"/>
                <a:gd name="connsiteX89" fmla="*/ 267737 w 580615"/>
                <a:gd name="connsiteY89" fmla="*/ 413436 h 468851"/>
                <a:gd name="connsiteX90" fmla="*/ 383549 w 580615"/>
                <a:gd name="connsiteY90" fmla="*/ 432427 h 468851"/>
                <a:gd name="connsiteX91" fmla="*/ 404408 w 580615"/>
                <a:gd name="connsiteY91" fmla="*/ 451729 h 468851"/>
                <a:gd name="connsiteX92" fmla="*/ 409389 w 580615"/>
                <a:gd name="connsiteY92" fmla="*/ 456398 h 468851"/>
                <a:gd name="connsiteX93" fmla="*/ 430559 w 580615"/>
                <a:gd name="connsiteY93" fmla="*/ 456398 h 468851"/>
                <a:gd name="connsiteX94" fmla="*/ 435540 w 580615"/>
                <a:gd name="connsiteY94" fmla="*/ 451729 h 468851"/>
                <a:gd name="connsiteX95" fmla="*/ 456398 w 580615"/>
                <a:gd name="connsiteY95" fmla="*/ 432427 h 468851"/>
                <a:gd name="connsiteX96" fmla="*/ 570965 w 580615"/>
                <a:gd name="connsiteY96" fmla="*/ 414681 h 468851"/>
                <a:gd name="connsiteX97" fmla="*/ 578437 w 580615"/>
                <a:gd name="connsiteY97" fmla="*/ 419974 h 468851"/>
                <a:gd name="connsiteX98" fmla="*/ 543880 w 580615"/>
                <a:gd name="connsiteY98" fmla="*/ 267114 h 468851"/>
                <a:gd name="connsiteX99" fmla="*/ 538899 w 580615"/>
                <a:gd name="connsiteY99" fmla="*/ 274275 h 468851"/>
                <a:gd name="connsiteX100" fmla="*/ 461068 w 580615"/>
                <a:gd name="connsiteY100" fmla="*/ 287350 h 468851"/>
                <a:gd name="connsiteX101" fmla="*/ 460134 w 580615"/>
                <a:gd name="connsiteY101" fmla="*/ 287350 h 468851"/>
                <a:gd name="connsiteX102" fmla="*/ 453908 w 580615"/>
                <a:gd name="connsiteY102" fmla="*/ 282058 h 468851"/>
                <a:gd name="connsiteX103" fmla="*/ 458889 w 580615"/>
                <a:gd name="connsiteY103" fmla="*/ 274897 h 468851"/>
                <a:gd name="connsiteX104" fmla="*/ 536719 w 580615"/>
                <a:gd name="connsiteY104" fmla="*/ 261822 h 468851"/>
                <a:gd name="connsiteX105" fmla="*/ 543880 w 580615"/>
                <a:gd name="connsiteY105" fmla="*/ 267114 h 468851"/>
                <a:gd name="connsiteX106" fmla="*/ 197067 w 580615"/>
                <a:gd name="connsiteY106" fmla="*/ 353662 h 468851"/>
                <a:gd name="connsiteX107" fmla="*/ 26462 w 580615"/>
                <a:gd name="connsiteY107" fmla="*/ 353662 h 468851"/>
                <a:gd name="connsiteX108" fmla="*/ 0 w 580615"/>
                <a:gd name="connsiteY108" fmla="*/ 380124 h 468851"/>
                <a:gd name="connsiteX109" fmla="*/ 0 w 580615"/>
                <a:gd name="connsiteY109" fmla="*/ 381370 h 468851"/>
                <a:gd name="connsiteX110" fmla="*/ 26462 w 580615"/>
                <a:gd name="connsiteY110" fmla="*/ 407832 h 468851"/>
                <a:gd name="connsiteX111" fmla="*/ 197067 w 580615"/>
                <a:gd name="connsiteY111" fmla="*/ 407832 h 468851"/>
                <a:gd name="connsiteX112" fmla="*/ 223529 w 580615"/>
                <a:gd name="connsiteY112" fmla="*/ 381370 h 468851"/>
                <a:gd name="connsiteX113" fmla="*/ 223529 w 580615"/>
                <a:gd name="connsiteY113" fmla="*/ 380124 h 468851"/>
                <a:gd name="connsiteX114" fmla="*/ 197067 w 580615"/>
                <a:gd name="connsiteY114" fmla="*/ 353662 h 468851"/>
                <a:gd name="connsiteX115" fmla="*/ 211076 w 580615"/>
                <a:gd name="connsiteY115" fmla="*/ 381681 h 468851"/>
                <a:gd name="connsiteX116" fmla="*/ 197067 w 580615"/>
                <a:gd name="connsiteY116" fmla="*/ 395691 h 468851"/>
                <a:gd name="connsiteX117" fmla="*/ 26462 w 580615"/>
                <a:gd name="connsiteY117" fmla="*/ 395691 h 468851"/>
                <a:gd name="connsiteX118" fmla="*/ 12453 w 580615"/>
                <a:gd name="connsiteY118" fmla="*/ 381681 h 468851"/>
                <a:gd name="connsiteX119" fmla="*/ 12453 w 580615"/>
                <a:gd name="connsiteY119" fmla="*/ 380436 h 468851"/>
                <a:gd name="connsiteX120" fmla="*/ 26462 w 580615"/>
                <a:gd name="connsiteY120" fmla="*/ 366426 h 468851"/>
                <a:gd name="connsiteX121" fmla="*/ 197067 w 580615"/>
                <a:gd name="connsiteY121" fmla="*/ 366426 h 468851"/>
                <a:gd name="connsiteX122" fmla="*/ 211076 w 580615"/>
                <a:gd name="connsiteY122" fmla="*/ 380436 h 468851"/>
                <a:gd name="connsiteX123" fmla="*/ 211076 w 580615"/>
                <a:gd name="connsiteY123" fmla="*/ 381681 h 468851"/>
                <a:gd name="connsiteX124" fmla="*/ 465427 w 580615"/>
                <a:gd name="connsiteY124" fmla="*/ 54793 h 468851"/>
                <a:gd name="connsiteX125" fmla="*/ 541078 w 580615"/>
                <a:gd name="connsiteY125" fmla="*/ 54793 h 468851"/>
                <a:gd name="connsiteX126" fmla="*/ 567540 w 580615"/>
                <a:gd name="connsiteY126" fmla="*/ 28330 h 468851"/>
                <a:gd name="connsiteX127" fmla="*/ 567540 w 580615"/>
                <a:gd name="connsiteY127" fmla="*/ 26462 h 468851"/>
                <a:gd name="connsiteX128" fmla="*/ 541078 w 580615"/>
                <a:gd name="connsiteY128" fmla="*/ 0 h 468851"/>
                <a:gd name="connsiteX129" fmla="*/ 465427 w 580615"/>
                <a:gd name="connsiteY129" fmla="*/ 0 h 468851"/>
                <a:gd name="connsiteX130" fmla="*/ 438964 w 580615"/>
                <a:gd name="connsiteY130" fmla="*/ 26462 h 468851"/>
                <a:gd name="connsiteX131" fmla="*/ 438964 w 580615"/>
                <a:gd name="connsiteY131" fmla="*/ 28330 h 468851"/>
                <a:gd name="connsiteX132" fmla="*/ 465427 w 580615"/>
                <a:gd name="connsiteY132" fmla="*/ 54793 h 468851"/>
                <a:gd name="connsiteX133" fmla="*/ 451417 w 580615"/>
                <a:gd name="connsiteY133" fmla="*/ 26462 h 468851"/>
                <a:gd name="connsiteX134" fmla="*/ 465427 w 580615"/>
                <a:gd name="connsiteY134" fmla="*/ 12453 h 468851"/>
                <a:gd name="connsiteX135" fmla="*/ 541078 w 580615"/>
                <a:gd name="connsiteY135" fmla="*/ 12453 h 468851"/>
                <a:gd name="connsiteX136" fmla="*/ 555087 w 580615"/>
                <a:gd name="connsiteY136" fmla="*/ 26462 h 468851"/>
                <a:gd name="connsiteX137" fmla="*/ 555087 w 580615"/>
                <a:gd name="connsiteY137" fmla="*/ 28330 h 468851"/>
                <a:gd name="connsiteX138" fmla="*/ 541078 w 580615"/>
                <a:gd name="connsiteY138" fmla="*/ 42340 h 468851"/>
                <a:gd name="connsiteX139" fmla="*/ 465427 w 580615"/>
                <a:gd name="connsiteY139" fmla="*/ 42340 h 468851"/>
                <a:gd name="connsiteX140" fmla="*/ 451417 w 580615"/>
                <a:gd name="connsiteY140" fmla="*/ 28330 h 468851"/>
                <a:gd name="connsiteX141" fmla="*/ 451417 w 580615"/>
                <a:gd name="connsiteY141" fmla="*/ 26462 h 468851"/>
                <a:gd name="connsiteX142" fmla="*/ 465427 w 580615"/>
                <a:gd name="connsiteY142" fmla="*/ 129510 h 468851"/>
                <a:gd name="connsiteX143" fmla="*/ 541078 w 580615"/>
                <a:gd name="connsiteY143" fmla="*/ 129510 h 468851"/>
                <a:gd name="connsiteX144" fmla="*/ 567540 w 580615"/>
                <a:gd name="connsiteY144" fmla="*/ 103048 h 468851"/>
                <a:gd name="connsiteX145" fmla="*/ 567540 w 580615"/>
                <a:gd name="connsiteY145" fmla="*/ 101180 h 468851"/>
                <a:gd name="connsiteX146" fmla="*/ 541078 w 580615"/>
                <a:gd name="connsiteY146" fmla="*/ 74717 h 468851"/>
                <a:gd name="connsiteX147" fmla="*/ 465427 w 580615"/>
                <a:gd name="connsiteY147" fmla="*/ 74717 h 468851"/>
                <a:gd name="connsiteX148" fmla="*/ 438964 w 580615"/>
                <a:gd name="connsiteY148" fmla="*/ 101180 h 468851"/>
                <a:gd name="connsiteX149" fmla="*/ 438964 w 580615"/>
                <a:gd name="connsiteY149" fmla="*/ 103048 h 468851"/>
                <a:gd name="connsiteX150" fmla="*/ 465427 w 580615"/>
                <a:gd name="connsiteY150" fmla="*/ 129510 h 468851"/>
                <a:gd name="connsiteX151" fmla="*/ 451417 w 580615"/>
                <a:gd name="connsiteY151" fmla="*/ 101180 h 468851"/>
                <a:gd name="connsiteX152" fmla="*/ 465427 w 580615"/>
                <a:gd name="connsiteY152" fmla="*/ 87170 h 468851"/>
                <a:gd name="connsiteX153" fmla="*/ 541078 w 580615"/>
                <a:gd name="connsiteY153" fmla="*/ 87170 h 468851"/>
                <a:gd name="connsiteX154" fmla="*/ 555087 w 580615"/>
                <a:gd name="connsiteY154" fmla="*/ 101180 h 468851"/>
                <a:gd name="connsiteX155" fmla="*/ 555087 w 580615"/>
                <a:gd name="connsiteY155" fmla="*/ 103048 h 468851"/>
                <a:gd name="connsiteX156" fmla="*/ 541078 w 580615"/>
                <a:gd name="connsiteY156" fmla="*/ 117057 h 468851"/>
                <a:gd name="connsiteX157" fmla="*/ 465427 w 580615"/>
                <a:gd name="connsiteY157" fmla="*/ 117057 h 468851"/>
                <a:gd name="connsiteX158" fmla="*/ 451417 w 580615"/>
                <a:gd name="connsiteY158" fmla="*/ 103048 h 468851"/>
                <a:gd name="connsiteX159" fmla="*/ 451417 w 580615"/>
                <a:gd name="connsiteY159" fmla="*/ 101180 h 468851"/>
                <a:gd name="connsiteX160" fmla="*/ 197067 w 580615"/>
                <a:gd name="connsiteY160" fmla="*/ 276454 h 468851"/>
                <a:gd name="connsiteX161" fmla="*/ 26462 w 580615"/>
                <a:gd name="connsiteY161" fmla="*/ 276454 h 468851"/>
                <a:gd name="connsiteX162" fmla="*/ 0 w 580615"/>
                <a:gd name="connsiteY162" fmla="*/ 302916 h 468851"/>
                <a:gd name="connsiteX163" fmla="*/ 0 w 580615"/>
                <a:gd name="connsiteY163" fmla="*/ 306652 h 468851"/>
                <a:gd name="connsiteX164" fmla="*/ 26462 w 580615"/>
                <a:gd name="connsiteY164" fmla="*/ 333115 h 468851"/>
                <a:gd name="connsiteX165" fmla="*/ 197067 w 580615"/>
                <a:gd name="connsiteY165" fmla="*/ 333115 h 468851"/>
                <a:gd name="connsiteX166" fmla="*/ 223529 w 580615"/>
                <a:gd name="connsiteY166" fmla="*/ 306652 h 468851"/>
                <a:gd name="connsiteX167" fmla="*/ 223529 w 580615"/>
                <a:gd name="connsiteY167" fmla="*/ 302916 h 468851"/>
                <a:gd name="connsiteX168" fmla="*/ 197067 w 580615"/>
                <a:gd name="connsiteY168" fmla="*/ 276454 h 468851"/>
                <a:gd name="connsiteX169" fmla="*/ 211076 w 580615"/>
                <a:gd name="connsiteY169" fmla="*/ 306652 h 468851"/>
                <a:gd name="connsiteX170" fmla="*/ 197067 w 580615"/>
                <a:gd name="connsiteY170" fmla="*/ 320662 h 468851"/>
                <a:gd name="connsiteX171" fmla="*/ 26462 w 580615"/>
                <a:gd name="connsiteY171" fmla="*/ 320662 h 468851"/>
                <a:gd name="connsiteX172" fmla="*/ 12453 w 580615"/>
                <a:gd name="connsiteY172" fmla="*/ 306652 h 468851"/>
                <a:gd name="connsiteX173" fmla="*/ 12453 w 580615"/>
                <a:gd name="connsiteY173" fmla="*/ 302916 h 468851"/>
                <a:gd name="connsiteX174" fmla="*/ 26462 w 580615"/>
                <a:gd name="connsiteY174" fmla="*/ 288907 h 468851"/>
                <a:gd name="connsiteX175" fmla="*/ 197067 w 580615"/>
                <a:gd name="connsiteY175" fmla="*/ 288907 h 468851"/>
                <a:gd name="connsiteX176" fmla="*/ 211076 w 580615"/>
                <a:gd name="connsiteY176" fmla="*/ 302916 h 468851"/>
                <a:gd name="connsiteX177" fmla="*/ 211076 w 580615"/>
                <a:gd name="connsiteY177" fmla="*/ 306652 h 468851"/>
                <a:gd name="connsiteX178" fmla="*/ 270850 w 580615"/>
                <a:gd name="connsiteY178" fmla="*/ 108651 h 468851"/>
                <a:gd name="connsiteX179" fmla="*/ 171539 w 580615"/>
                <a:gd name="connsiteY179" fmla="*/ 59463 h 468851"/>
                <a:gd name="connsiteX180" fmla="*/ 157529 w 580615"/>
                <a:gd name="connsiteY180" fmla="*/ 60085 h 468851"/>
                <a:gd name="connsiteX181" fmla="*/ 150680 w 580615"/>
                <a:gd name="connsiteY181" fmla="*/ 72227 h 468851"/>
                <a:gd name="connsiteX182" fmla="*/ 150369 w 580615"/>
                <a:gd name="connsiteY182" fmla="*/ 121104 h 468851"/>
                <a:gd name="connsiteX183" fmla="*/ 150369 w 580615"/>
                <a:gd name="connsiteY183" fmla="*/ 169982 h 468851"/>
                <a:gd name="connsiteX184" fmla="*/ 157218 w 580615"/>
                <a:gd name="connsiteY184" fmla="*/ 182123 h 468851"/>
                <a:gd name="connsiteX185" fmla="*/ 165001 w 580615"/>
                <a:gd name="connsiteY185" fmla="*/ 184303 h 468851"/>
                <a:gd name="connsiteX186" fmla="*/ 171227 w 580615"/>
                <a:gd name="connsiteY186" fmla="*/ 182746 h 468851"/>
                <a:gd name="connsiteX187" fmla="*/ 270850 w 580615"/>
                <a:gd name="connsiteY187" fmla="*/ 134180 h 468851"/>
                <a:gd name="connsiteX188" fmla="*/ 278945 w 580615"/>
                <a:gd name="connsiteY188" fmla="*/ 121416 h 468851"/>
                <a:gd name="connsiteX189" fmla="*/ 278945 w 580615"/>
                <a:gd name="connsiteY189" fmla="*/ 120793 h 468851"/>
                <a:gd name="connsiteX190" fmla="*/ 270850 w 580615"/>
                <a:gd name="connsiteY190" fmla="*/ 108651 h 468851"/>
                <a:gd name="connsiteX191" fmla="*/ 265247 w 580615"/>
                <a:gd name="connsiteY191" fmla="*/ 123284 h 468851"/>
                <a:gd name="connsiteX192" fmla="*/ 165623 w 580615"/>
                <a:gd name="connsiteY192" fmla="*/ 171850 h 468851"/>
                <a:gd name="connsiteX193" fmla="*/ 163755 w 580615"/>
                <a:gd name="connsiteY193" fmla="*/ 171850 h 468851"/>
                <a:gd name="connsiteX194" fmla="*/ 162822 w 580615"/>
                <a:gd name="connsiteY194" fmla="*/ 170293 h 468851"/>
                <a:gd name="connsiteX195" fmla="*/ 163133 w 580615"/>
                <a:gd name="connsiteY195" fmla="*/ 121416 h 468851"/>
                <a:gd name="connsiteX196" fmla="*/ 163444 w 580615"/>
                <a:gd name="connsiteY196" fmla="*/ 72538 h 468851"/>
                <a:gd name="connsiteX197" fmla="*/ 164378 w 580615"/>
                <a:gd name="connsiteY197" fmla="*/ 70981 h 468851"/>
                <a:gd name="connsiteX198" fmla="*/ 165312 w 580615"/>
                <a:gd name="connsiteY198" fmla="*/ 70670 h 468851"/>
                <a:gd name="connsiteX199" fmla="*/ 166246 w 580615"/>
                <a:gd name="connsiteY199" fmla="*/ 70981 h 468851"/>
                <a:gd name="connsiteX200" fmla="*/ 265558 w 580615"/>
                <a:gd name="connsiteY200" fmla="*/ 120482 h 468851"/>
                <a:gd name="connsiteX201" fmla="*/ 266492 w 580615"/>
                <a:gd name="connsiteY201" fmla="*/ 121727 h 468851"/>
                <a:gd name="connsiteX202" fmla="*/ 266492 w 580615"/>
                <a:gd name="connsiteY202" fmla="*/ 122350 h 468851"/>
                <a:gd name="connsiteX203" fmla="*/ 265247 w 580615"/>
                <a:gd name="connsiteY203" fmla="*/ 123284 h 46885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</a:cxnLst>
              <a:rect l="l" t="t" r="r" b="b"/>
              <a:pathLst>
                <a:path w="580615" h="468851">
                  <a:moveTo>
                    <a:pt x="580616" y="195822"/>
                  </a:moveTo>
                  <a:cubicBezTo>
                    <a:pt x="580616" y="190218"/>
                    <a:pt x="578437" y="187105"/>
                    <a:pt x="576257" y="185548"/>
                  </a:cubicBezTo>
                  <a:cubicBezTo>
                    <a:pt x="574389" y="183991"/>
                    <a:pt x="570965" y="182123"/>
                    <a:pt x="565361" y="183057"/>
                  </a:cubicBezTo>
                  <a:cubicBezTo>
                    <a:pt x="560069" y="183680"/>
                    <a:pt x="554776" y="184614"/>
                    <a:pt x="549795" y="185548"/>
                  </a:cubicBezTo>
                  <a:lnTo>
                    <a:pt x="515550" y="190841"/>
                  </a:lnTo>
                  <a:cubicBezTo>
                    <a:pt x="495314" y="193954"/>
                    <a:pt x="475078" y="197067"/>
                    <a:pt x="454842" y="200180"/>
                  </a:cubicBezTo>
                  <a:cubicBezTo>
                    <a:pt x="441144" y="202359"/>
                    <a:pt x="430247" y="206095"/>
                    <a:pt x="420908" y="211699"/>
                  </a:cubicBezTo>
                  <a:cubicBezTo>
                    <a:pt x="420596" y="211388"/>
                    <a:pt x="419974" y="211076"/>
                    <a:pt x="419351" y="210765"/>
                  </a:cubicBezTo>
                  <a:cubicBezTo>
                    <a:pt x="410323" y="205473"/>
                    <a:pt x="400049" y="202359"/>
                    <a:pt x="386662" y="200180"/>
                  </a:cubicBezTo>
                  <a:cubicBezTo>
                    <a:pt x="366426" y="197067"/>
                    <a:pt x="345879" y="193954"/>
                    <a:pt x="325643" y="190841"/>
                  </a:cubicBezTo>
                  <a:lnTo>
                    <a:pt x="291709" y="185548"/>
                  </a:lnTo>
                  <a:cubicBezTo>
                    <a:pt x="290775" y="185548"/>
                    <a:pt x="290152" y="185237"/>
                    <a:pt x="289218" y="185237"/>
                  </a:cubicBezTo>
                  <a:cubicBezTo>
                    <a:pt x="284860" y="184614"/>
                    <a:pt x="280501" y="183991"/>
                    <a:pt x="275831" y="183057"/>
                  </a:cubicBezTo>
                  <a:cubicBezTo>
                    <a:pt x="271162" y="182435"/>
                    <a:pt x="267737" y="183680"/>
                    <a:pt x="265869" y="185237"/>
                  </a:cubicBezTo>
                  <a:cubicBezTo>
                    <a:pt x="265558" y="185548"/>
                    <a:pt x="265247" y="185548"/>
                    <a:pt x="265247" y="185859"/>
                  </a:cubicBezTo>
                  <a:cubicBezTo>
                    <a:pt x="263379" y="187416"/>
                    <a:pt x="260888" y="190529"/>
                    <a:pt x="260888" y="196133"/>
                  </a:cubicBezTo>
                  <a:cubicBezTo>
                    <a:pt x="260888" y="213567"/>
                    <a:pt x="260888" y="231312"/>
                    <a:pt x="260888" y="248746"/>
                  </a:cubicBezTo>
                  <a:cubicBezTo>
                    <a:pt x="260888" y="295445"/>
                    <a:pt x="260888" y="342454"/>
                    <a:pt x="260888" y="389153"/>
                  </a:cubicBezTo>
                  <a:cubicBezTo>
                    <a:pt x="260888" y="396936"/>
                    <a:pt x="264624" y="401294"/>
                    <a:pt x="272407" y="402540"/>
                  </a:cubicBezTo>
                  <a:lnTo>
                    <a:pt x="312567" y="409077"/>
                  </a:lnTo>
                  <a:cubicBezTo>
                    <a:pt x="341832" y="413747"/>
                    <a:pt x="371096" y="418417"/>
                    <a:pt x="400672" y="423087"/>
                  </a:cubicBezTo>
                  <a:cubicBezTo>
                    <a:pt x="408455" y="424332"/>
                    <a:pt x="412813" y="428691"/>
                    <a:pt x="413436" y="437096"/>
                  </a:cubicBezTo>
                  <a:cubicBezTo>
                    <a:pt x="413747" y="440832"/>
                    <a:pt x="416860" y="443323"/>
                    <a:pt x="420596" y="443323"/>
                  </a:cubicBezTo>
                  <a:cubicBezTo>
                    <a:pt x="420596" y="443323"/>
                    <a:pt x="420596" y="443323"/>
                    <a:pt x="420596" y="443323"/>
                  </a:cubicBezTo>
                  <a:cubicBezTo>
                    <a:pt x="424332" y="443323"/>
                    <a:pt x="427445" y="440832"/>
                    <a:pt x="427757" y="437096"/>
                  </a:cubicBezTo>
                  <a:cubicBezTo>
                    <a:pt x="428691" y="429002"/>
                    <a:pt x="432738" y="424332"/>
                    <a:pt x="440521" y="423087"/>
                  </a:cubicBezTo>
                  <a:cubicBezTo>
                    <a:pt x="470096" y="418417"/>
                    <a:pt x="499361" y="413747"/>
                    <a:pt x="528936" y="408766"/>
                  </a:cubicBezTo>
                  <a:lnTo>
                    <a:pt x="568786" y="402540"/>
                  </a:lnTo>
                  <a:cubicBezTo>
                    <a:pt x="576569" y="401294"/>
                    <a:pt x="580305" y="396936"/>
                    <a:pt x="580305" y="389153"/>
                  </a:cubicBezTo>
                  <a:cubicBezTo>
                    <a:pt x="580616" y="324398"/>
                    <a:pt x="580616" y="259954"/>
                    <a:pt x="580616" y="195822"/>
                  </a:cubicBezTo>
                  <a:close/>
                  <a:moveTo>
                    <a:pt x="568163" y="389775"/>
                  </a:moveTo>
                  <a:cubicBezTo>
                    <a:pt x="567852" y="389775"/>
                    <a:pt x="567540" y="389775"/>
                    <a:pt x="567229" y="390087"/>
                  </a:cubicBezTo>
                  <a:lnTo>
                    <a:pt x="527380" y="396313"/>
                  </a:lnTo>
                  <a:cubicBezTo>
                    <a:pt x="497804" y="400983"/>
                    <a:pt x="468540" y="405653"/>
                    <a:pt x="438964" y="410634"/>
                  </a:cubicBezTo>
                  <a:cubicBezTo>
                    <a:pt x="434294" y="411257"/>
                    <a:pt x="429936" y="413125"/>
                    <a:pt x="426511" y="415615"/>
                  </a:cubicBezTo>
                  <a:lnTo>
                    <a:pt x="426511" y="278011"/>
                  </a:lnTo>
                  <a:cubicBezTo>
                    <a:pt x="426511" y="274586"/>
                    <a:pt x="423710" y="271784"/>
                    <a:pt x="420285" y="271784"/>
                  </a:cubicBezTo>
                  <a:cubicBezTo>
                    <a:pt x="416860" y="271784"/>
                    <a:pt x="414058" y="274586"/>
                    <a:pt x="414058" y="278011"/>
                  </a:cubicBezTo>
                  <a:lnTo>
                    <a:pt x="414058" y="414992"/>
                  </a:lnTo>
                  <a:cubicBezTo>
                    <a:pt x="410634" y="412813"/>
                    <a:pt x="406898" y="411257"/>
                    <a:pt x="402540" y="410634"/>
                  </a:cubicBezTo>
                  <a:cubicBezTo>
                    <a:pt x="373275" y="405964"/>
                    <a:pt x="344011" y="401294"/>
                    <a:pt x="314435" y="396624"/>
                  </a:cubicBezTo>
                  <a:lnTo>
                    <a:pt x="274275" y="390087"/>
                  </a:lnTo>
                  <a:cubicBezTo>
                    <a:pt x="273964" y="390087"/>
                    <a:pt x="273341" y="390087"/>
                    <a:pt x="273341" y="389775"/>
                  </a:cubicBezTo>
                  <a:cubicBezTo>
                    <a:pt x="273341" y="389464"/>
                    <a:pt x="273341" y="389153"/>
                    <a:pt x="273341" y="388841"/>
                  </a:cubicBezTo>
                  <a:cubicBezTo>
                    <a:pt x="273341" y="342143"/>
                    <a:pt x="273341" y="295133"/>
                    <a:pt x="273341" y="248435"/>
                  </a:cubicBezTo>
                  <a:cubicBezTo>
                    <a:pt x="273341" y="231001"/>
                    <a:pt x="273341" y="213256"/>
                    <a:pt x="273341" y="195822"/>
                  </a:cubicBezTo>
                  <a:cubicBezTo>
                    <a:pt x="273341" y="195510"/>
                    <a:pt x="273341" y="195199"/>
                    <a:pt x="273341" y="194888"/>
                  </a:cubicBezTo>
                  <a:cubicBezTo>
                    <a:pt x="273652" y="194888"/>
                    <a:pt x="273652" y="194888"/>
                    <a:pt x="273964" y="194888"/>
                  </a:cubicBezTo>
                  <a:cubicBezTo>
                    <a:pt x="279256" y="195510"/>
                    <a:pt x="284237" y="196444"/>
                    <a:pt x="289530" y="197378"/>
                  </a:cubicBezTo>
                  <a:lnTo>
                    <a:pt x="323775" y="202671"/>
                  </a:lnTo>
                  <a:cubicBezTo>
                    <a:pt x="344011" y="205784"/>
                    <a:pt x="364558" y="208897"/>
                    <a:pt x="384794" y="212010"/>
                  </a:cubicBezTo>
                  <a:cubicBezTo>
                    <a:pt x="397247" y="213878"/>
                    <a:pt x="406898" y="217303"/>
                    <a:pt x="414992" y="222284"/>
                  </a:cubicBezTo>
                  <a:cubicBezTo>
                    <a:pt x="416549" y="223218"/>
                    <a:pt x="418106" y="223841"/>
                    <a:pt x="419351" y="224152"/>
                  </a:cubicBezTo>
                  <a:cubicBezTo>
                    <a:pt x="421530" y="224463"/>
                    <a:pt x="424021" y="223841"/>
                    <a:pt x="426511" y="222284"/>
                  </a:cubicBezTo>
                  <a:cubicBezTo>
                    <a:pt x="434606" y="217303"/>
                    <a:pt x="444257" y="214190"/>
                    <a:pt x="456710" y="212010"/>
                  </a:cubicBezTo>
                  <a:cubicBezTo>
                    <a:pt x="476946" y="208897"/>
                    <a:pt x="497182" y="205784"/>
                    <a:pt x="517417" y="202671"/>
                  </a:cubicBezTo>
                  <a:lnTo>
                    <a:pt x="551663" y="197378"/>
                  </a:lnTo>
                  <a:cubicBezTo>
                    <a:pt x="556955" y="196444"/>
                    <a:pt x="561937" y="195822"/>
                    <a:pt x="567229" y="194888"/>
                  </a:cubicBezTo>
                  <a:cubicBezTo>
                    <a:pt x="567540" y="194888"/>
                    <a:pt x="567852" y="194888"/>
                    <a:pt x="567852" y="194888"/>
                  </a:cubicBezTo>
                  <a:cubicBezTo>
                    <a:pt x="567852" y="195199"/>
                    <a:pt x="567852" y="195199"/>
                    <a:pt x="567852" y="195822"/>
                  </a:cubicBezTo>
                  <a:cubicBezTo>
                    <a:pt x="567852" y="260265"/>
                    <a:pt x="567852" y="324398"/>
                    <a:pt x="567852" y="388841"/>
                  </a:cubicBezTo>
                  <a:cubicBezTo>
                    <a:pt x="568163" y="389153"/>
                    <a:pt x="568163" y="389464"/>
                    <a:pt x="568163" y="389775"/>
                  </a:cubicBezTo>
                  <a:close/>
                  <a:moveTo>
                    <a:pt x="452662" y="319728"/>
                  </a:moveTo>
                  <a:cubicBezTo>
                    <a:pt x="452040" y="316303"/>
                    <a:pt x="454530" y="313190"/>
                    <a:pt x="457644" y="312567"/>
                  </a:cubicBezTo>
                  <a:lnTo>
                    <a:pt x="535474" y="299492"/>
                  </a:lnTo>
                  <a:cubicBezTo>
                    <a:pt x="538899" y="298869"/>
                    <a:pt x="542012" y="301360"/>
                    <a:pt x="542635" y="304473"/>
                  </a:cubicBezTo>
                  <a:cubicBezTo>
                    <a:pt x="543257" y="307898"/>
                    <a:pt x="540767" y="311011"/>
                    <a:pt x="537653" y="311634"/>
                  </a:cubicBezTo>
                  <a:lnTo>
                    <a:pt x="459823" y="324709"/>
                  </a:lnTo>
                  <a:cubicBezTo>
                    <a:pt x="459512" y="324709"/>
                    <a:pt x="459200" y="324709"/>
                    <a:pt x="458889" y="324709"/>
                  </a:cubicBezTo>
                  <a:cubicBezTo>
                    <a:pt x="456087" y="325020"/>
                    <a:pt x="453285" y="322841"/>
                    <a:pt x="452662" y="319728"/>
                  </a:cubicBezTo>
                  <a:close/>
                  <a:moveTo>
                    <a:pt x="452974" y="245945"/>
                  </a:moveTo>
                  <a:cubicBezTo>
                    <a:pt x="452351" y="242520"/>
                    <a:pt x="454842" y="239407"/>
                    <a:pt x="457955" y="238784"/>
                  </a:cubicBezTo>
                  <a:lnTo>
                    <a:pt x="535786" y="225709"/>
                  </a:lnTo>
                  <a:cubicBezTo>
                    <a:pt x="539210" y="225086"/>
                    <a:pt x="542323" y="227577"/>
                    <a:pt x="542946" y="230690"/>
                  </a:cubicBezTo>
                  <a:cubicBezTo>
                    <a:pt x="543569" y="234114"/>
                    <a:pt x="541078" y="237227"/>
                    <a:pt x="537965" y="237850"/>
                  </a:cubicBezTo>
                  <a:lnTo>
                    <a:pt x="460134" y="250926"/>
                  </a:lnTo>
                  <a:cubicBezTo>
                    <a:pt x="459823" y="250926"/>
                    <a:pt x="459512" y="250926"/>
                    <a:pt x="459200" y="250926"/>
                  </a:cubicBezTo>
                  <a:cubicBezTo>
                    <a:pt x="456087" y="251237"/>
                    <a:pt x="453596" y="249058"/>
                    <a:pt x="452974" y="245945"/>
                  </a:cubicBezTo>
                  <a:close/>
                  <a:moveTo>
                    <a:pt x="578437" y="419974"/>
                  </a:moveTo>
                  <a:cubicBezTo>
                    <a:pt x="579059" y="423398"/>
                    <a:pt x="576569" y="426511"/>
                    <a:pt x="573144" y="427134"/>
                  </a:cubicBezTo>
                  <a:lnTo>
                    <a:pt x="458266" y="444879"/>
                  </a:lnTo>
                  <a:cubicBezTo>
                    <a:pt x="457332" y="444879"/>
                    <a:pt x="449549" y="446436"/>
                    <a:pt x="447681" y="454219"/>
                  </a:cubicBezTo>
                  <a:cubicBezTo>
                    <a:pt x="446125" y="462625"/>
                    <a:pt x="438964" y="468851"/>
                    <a:pt x="430559" y="468851"/>
                  </a:cubicBezTo>
                  <a:lnTo>
                    <a:pt x="409389" y="468851"/>
                  </a:lnTo>
                  <a:cubicBezTo>
                    <a:pt x="400983" y="468851"/>
                    <a:pt x="393823" y="462625"/>
                    <a:pt x="392266" y="454219"/>
                  </a:cubicBezTo>
                  <a:cubicBezTo>
                    <a:pt x="390398" y="445813"/>
                    <a:pt x="382304" y="444879"/>
                    <a:pt x="381992" y="444879"/>
                  </a:cubicBezTo>
                  <a:lnTo>
                    <a:pt x="381681" y="444879"/>
                  </a:lnTo>
                  <a:lnTo>
                    <a:pt x="265869" y="425889"/>
                  </a:lnTo>
                  <a:cubicBezTo>
                    <a:pt x="262445" y="425266"/>
                    <a:pt x="260265" y="422153"/>
                    <a:pt x="260577" y="418728"/>
                  </a:cubicBezTo>
                  <a:cubicBezTo>
                    <a:pt x="260888" y="415304"/>
                    <a:pt x="264313" y="413125"/>
                    <a:pt x="267737" y="413436"/>
                  </a:cubicBezTo>
                  <a:lnTo>
                    <a:pt x="383549" y="432427"/>
                  </a:lnTo>
                  <a:cubicBezTo>
                    <a:pt x="385728" y="432738"/>
                    <a:pt x="400983" y="435540"/>
                    <a:pt x="404408" y="451729"/>
                  </a:cubicBezTo>
                  <a:cubicBezTo>
                    <a:pt x="405030" y="454530"/>
                    <a:pt x="406898" y="456398"/>
                    <a:pt x="409389" y="456398"/>
                  </a:cubicBezTo>
                  <a:lnTo>
                    <a:pt x="430559" y="456398"/>
                  </a:lnTo>
                  <a:cubicBezTo>
                    <a:pt x="433049" y="456398"/>
                    <a:pt x="434917" y="454530"/>
                    <a:pt x="435540" y="451729"/>
                  </a:cubicBezTo>
                  <a:cubicBezTo>
                    <a:pt x="438964" y="434606"/>
                    <a:pt x="455776" y="432427"/>
                    <a:pt x="456398" y="432427"/>
                  </a:cubicBezTo>
                  <a:lnTo>
                    <a:pt x="570965" y="414681"/>
                  </a:lnTo>
                  <a:cubicBezTo>
                    <a:pt x="574701" y="414058"/>
                    <a:pt x="578125" y="416549"/>
                    <a:pt x="578437" y="419974"/>
                  </a:cubicBezTo>
                  <a:close/>
                  <a:moveTo>
                    <a:pt x="543880" y="267114"/>
                  </a:moveTo>
                  <a:cubicBezTo>
                    <a:pt x="544503" y="270539"/>
                    <a:pt x="542012" y="273652"/>
                    <a:pt x="538899" y="274275"/>
                  </a:cubicBezTo>
                  <a:lnTo>
                    <a:pt x="461068" y="287350"/>
                  </a:lnTo>
                  <a:cubicBezTo>
                    <a:pt x="460757" y="287350"/>
                    <a:pt x="460446" y="287350"/>
                    <a:pt x="460134" y="287350"/>
                  </a:cubicBezTo>
                  <a:cubicBezTo>
                    <a:pt x="457021" y="287350"/>
                    <a:pt x="454530" y="285171"/>
                    <a:pt x="453908" y="282058"/>
                  </a:cubicBezTo>
                  <a:cubicBezTo>
                    <a:pt x="453285" y="278633"/>
                    <a:pt x="455776" y="275520"/>
                    <a:pt x="458889" y="274897"/>
                  </a:cubicBezTo>
                  <a:lnTo>
                    <a:pt x="536719" y="261822"/>
                  </a:lnTo>
                  <a:cubicBezTo>
                    <a:pt x="540144" y="261511"/>
                    <a:pt x="543257" y="263690"/>
                    <a:pt x="543880" y="267114"/>
                  </a:cubicBezTo>
                  <a:close/>
                  <a:moveTo>
                    <a:pt x="197067" y="353662"/>
                  </a:moveTo>
                  <a:lnTo>
                    <a:pt x="26462" y="353662"/>
                  </a:lnTo>
                  <a:cubicBezTo>
                    <a:pt x="11830" y="353662"/>
                    <a:pt x="0" y="365492"/>
                    <a:pt x="0" y="380124"/>
                  </a:cubicBezTo>
                  <a:lnTo>
                    <a:pt x="0" y="381370"/>
                  </a:lnTo>
                  <a:cubicBezTo>
                    <a:pt x="0" y="396002"/>
                    <a:pt x="11830" y="407832"/>
                    <a:pt x="26462" y="407832"/>
                  </a:cubicBezTo>
                  <a:lnTo>
                    <a:pt x="197067" y="407832"/>
                  </a:lnTo>
                  <a:cubicBezTo>
                    <a:pt x="211699" y="407832"/>
                    <a:pt x="223529" y="396002"/>
                    <a:pt x="223529" y="381370"/>
                  </a:cubicBezTo>
                  <a:lnTo>
                    <a:pt x="223529" y="380124"/>
                  </a:lnTo>
                  <a:cubicBezTo>
                    <a:pt x="223529" y="365804"/>
                    <a:pt x="211699" y="353662"/>
                    <a:pt x="197067" y="353662"/>
                  </a:cubicBezTo>
                  <a:close/>
                  <a:moveTo>
                    <a:pt x="211076" y="381681"/>
                  </a:moveTo>
                  <a:cubicBezTo>
                    <a:pt x="211076" y="389464"/>
                    <a:pt x="204850" y="395691"/>
                    <a:pt x="197067" y="395691"/>
                  </a:cubicBezTo>
                  <a:lnTo>
                    <a:pt x="26462" y="395691"/>
                  </a:lnTo>
                  <a:cubicBezTo>
                    <a:pt x="18679" y="395691"/>
                    <a:pt x="12453" y="389464"/>
                    <a:pt x="12453" y="381681"/>
                  </a:cubicBezTo>
                  <a:lnTo>
                    <a:pt x="12453" y="380436"/>
                  </a:lnTo>
                  <a:cubicBezTo>
                    <a:pt x="12453" y="372653"/>
                    <a:pt x="18679" y="366426"/>
                    <a:pt x="26462" y="366426"/>
                  </a:cubicBezTo>
                  <a:lnTo>
                    <a:pt x="197067" y="366426"/>
                  </a:lnTo>
                  <a:cubicBezTo>
                    <a:pt x="204850" y="366426"/>
                    <a:pt x="211076" y="372653"/>
                    <a:pt x="211076" y="380436"/>
                  </a:cubicBezTo>
                  <a:lnTo>
                    <a:pt x="211076" y="381681"/>
                  </a:lnTo>
                  <a:close/>
                  <a:moveTo>
                    <a:pt x="465427" y="54793"/>
                  </a:moveTo>
                  <a:lnTo>
                    <a:pt x="541078" y="54793"/>
                  </a:lnTo>
                  <a:cubicBezTo>
                    <a:pt x="555710" y="54793"/>
                    <a:pt x="567540" y="42962"/>
                    <a:pt x="567540" y="28330"/>
                  </a:cubicBezTo>
                  <a:lnTo>
                    <a:pt x="567540" y="26462"/>
                  </a:lnTo>
                  <a:cubicBezTo>
                    <a:pt x="567540" y="11830"/>
                    <a:pt x="555710" y="0"/>
                    <a:pt x="541078" y="0"/>
                  </a:cubicBezTo>
                  <a:lnTo>
                    <a:pt x="465427" y="0"/>
                  </a:lnTo>
                  <a:cubicBezTo>
                    <a:pt x="450795" y="0"/>
                    <a:pt x="438964" y="11830"/>
                    <a:pt x="438964" y="26462"/>
                  </a:cubicBezTo>
                  <a:lnTo>
                    <a:pt x="438964" y="28330"/>
                  </a:lnTo>
                  <a:cubicBezTo>
                    <a:pt x="438964" y="42962"/>
                    <a:pt x="450795" y="54793"/>
                    <a:pt x="465427" y="54793"/>
                  </a:cubicBezTo>
                  <a:close/>
                  <a:moveTo>
                    <a:pt x="451417" y="26462"/>
                  </a:moveTo>
                  <a:cubicBezTo>
                    <a:pt x="451417" y="18679"/>
                    <a:pt x="457644" y="12453"/>
                    <a:pt x="465427" y="12453"/>
                  </a:cubicBezTo>
                  <a:lnTo>
                    <a:pt x="541078" y="12453"/>
                  </a:lnTo>
                  <a:cubicBezTo>
                    <a:pt x="548861" y="12453"/>
                    <a:pt x="555087" y="18679"/>
                    <a:pt x="555087" y="26462"/>
                  </a:cubicBezTo>
                  <a:lnTo>
                    <a:pt x="555087" y="28330"/>
                  </a:lnTo>
                  <a:cubicBezTo>
                    <a:pt x="555087" y="36113"/>
                    <a:pt x="548861" y="42340"/>
                    <a:pt x="541078" y="42340"/>
                  </a:cubicBezTo>
                  <a:lnTo>
                    <a:pt x="465427" y="42340"/>
                  </a:lnTo>
                  <a:cubicBezTo>
                    <a:pt x="457644" y="42340"/>
                    <a:pt x="451417" y="36113"/>
                    <a:pt x="451417" y="28330"/>
                  </a:cubicBezTo>
                  <a:lnTo>
                    <a:pt x="451417" y="26462"/>
                  </a:lnTo>
                  <a:close/>
                  <a:moveTo>
                    <a:pt x="465427" y="129510"/>
                  </a:moveTo>
                  <a:lnTo>
                    <a:pt x="541078" y="129510"/>
                  </a:lnTo>
                  <a:cubicBezTo>
                    <a:pt x="555710" y="129510"/>
                    <a:pt x="567540" y="117680"/>
                    <a:pt x="567540" y="103048"/>
                  </a:cubicBezTo>
                  <a:lnTo>
                    <a:pt x="567540" y="101180"/>
                  </a:lnTo>
                  <a:cubicBezTo>
                    <a:pt x="567540" y="86548"/>
                    <a:pt x="555710" y="74717"/>
                    <a:pt x="541078" y="74717"/>
                  </a:cubicBezTo>
                  <a:lnTo>
                    <a:pt x="465427" y="74717"/>
                  </a:lnTo>
                  <a:cubicBezTo>
                    <a:pt x="450795" y="74717"/>
                    <a:pt x="438964" y="86548"/>
                    <a:pt x="438964" y="101180"/>
                  </a:cubicBezTo>
                  <a:lnTo>
                    <a:pt x="438964" y="103048"/>
                  </a:lnTo>
                  <a:cubicBezTo>
                    <a:pt x="438964" y="117680"/>
                    <a:pt x="450795" y="129510"/>
                    <a:pt x="465427" y="129510"/>
                  </a:cubicBezTo>
                  <a:close/>
                  <a:moveTo>
                    <a:pt x="451417" y="101180"/>
                  </a:moveTo>
                  <a:cubicBezTo>
                    <a:pt x="451417" y="93397"/>
                    <a:pt x="457644" y="87170"/>
                    <a:pt x="465427" y="87170"/>
                  </a:cubicBezTo>
                  <a:lnTo>
                    <a:pt x="541078" y="87170"/>
                  </a:lnTo>
                  <a:cubicBezTo>
                    <a:pt x="548861" y="87170"/>
                    <a:pt x="555087" y="93397"/>
                    <a:pt x="555087" y="101180"/>
                  </a:cubicBezTo>
                  <a:lnTo>
                    <a:pt x="555087" y="103048"/>
                  </a:lnTo>
                  <a:cubicBezTo>
                    <a:pt x="555087" y="110831"/>
                    <a:pt x="548861" y="117057"/>
                    <a:pt x="541078" y="117057"/>
                  </a:cubicBezTo>
                  <a:lnTo>
                    <a:pt x="465427" y="117057"/>
                  </a:lnTo>
                  <a:cubicBezTo>
                    <a:pt x="457644" y="117057"/>
                    <a:pt x="451417" y="110831"/>
                    <a:pt x="451417" y="103048"/>
                  </a:cubicBezTo>
                  <a:lnTo>
                    <a:pt x="451417" y="101180"/>
                  </a:lnTo>
                  <a:close/>
                  <a:moveTo>
                    <a:pt x="197067" y="276454"/>
                  </a:moveTo>
                  <a:lnTo>
                    <a:pt x="26462" y="276454"/>
                  </a:lnTo>
                  <a:cubicBezTo>
                    <a:pt x="11830" y="276454"/>
                    <a:pt x="0" y="288284"/>
                    <a:pt x="0" y="302916"/>
                  </a:cubicBezTo>
                  <a:lnTo>
                    <a:pt x="0" y="306652"/>
                  </a:lnTo>
                  <a:cubicBezTo>
                    <a:pt x="0" y="321284"/>
                    <a:pt x="11830" y="333115"/>
                    <a:pt x="26462" y="333115"/>
                  </a:cubicBezTo>
                  <a:lnTo>
                    <a:pt x="197067" y="333115"/>
                  </a:lnTo>
                  <a:cubicBezTo>
                    <a:pt x="211699" y="333115"/>
                    <a:pt x="223529" y="321284"/>
                    <a:pt x="223529" y="306652"/>
                  </a:cubicBezTo>
                  <a:lnTo>
                    <a:pt x="223529" y="302916"/>
                  </a:lnTo>
                  <a:cubicBezTo>
                    <a:pt x="223529" y="288284"/>
                    <a:pt x="211699" y="276454"/>
                    <a:pt x="197067" y="276454"/>
                  </a:cubicBezTo>
                  <a:close/>
                  <a:moveTo>
                    <a:pt x="211076" y="306652"/>
                  </a:moveTo>
                  <a:cubicBezTo>
                    <a:pt x="211076" y="314435"/>
                    <a:pt x="204850" y="320662"/>
                    <a:pt x="197067" y="320662"/>
                  </a:cubicBezTo>
                  <a:lnTo>
                    <a:pt x="26462" y="320662"/>
                  </a:lnTo>
                  <a:cubicBezTo>
                    <a:pt x="18679" y="320662"/>
                    <a:pt x="12453" y="314435"/>
                    <a:pt x="12453" y="306652"/>
                  </a:cubicBezTo>
                  <a:lnTo>
                    <a:pt x="12453" y="302916"/>
                  </a:lnTo>
                  <a:cubicBezTo>
                    <a:pt x="12453" y="295133"/>
                    <a:pt x="18679" y="288907"/>
                    <a:pt x="26462" y="288907"/>
                  </a:cubicBezTo>
                  <a:lnTo>
                    <a:pt x="197067" y="288907"/>
                  </a:lnTo>
                  <a:cubicBezTo>
                    <a:pt x="204850" y="288907"/>
                    <a:pt x="211076" y="295133"/>
                    <a:pt x="211076" y="302916"/>
                  </a:cubicBezTo>
                  <a:lnTo>
                    <a:pt x="211076" y="306652"/>
                  </a:lnTo>
                  <a:close/>
                  <a:moveTo>
                    <a:pt x="270850" y="108651"/>
                  </a:moveTo>
                  <a:lnTo>
                    <a:pt x="171539" y="59463"/>
                  </a:lnTo>
                  <a:cubicBezTo>
                    <a:pt x="167180" y="57283"/>
                    <a:pt x="161888" y="57595"/>
                    <a:pt x="157529" y="60085"/>
                  </a:cubicBezTo>
                  <a:cubicBezTo>
                    <a:pt x="153171" y="62576"/>
                    <a:pt x="150680" y="67246"/>
                    <a:pt x="150680" y="72227"/>
                  </a:cubicBezTo>
                  <a:lnTo>
                    <a:pt x="150369" y="121104"/>
                  </a:lnTo>
                  <a:lnTo>
                    <a:pt x="150369" y="169982"/>
                  </a:lnTo>
                  <a:cubicBezTo>
                    <a:pt x="150369" y="174963"/>
                    <a:pt x="152859" y="179633"/>
                    <a:pt x="157218" y="182123"/>
                  </a:cubicBezTo>
                  <a:cubicBezTo>
                    <a:pt x="159708" y="183680"/>
                    <a:pt x="162199" y="184303"/>
                    <a:pt x="165001" y="184303"/>
                  </a:cubicBezTo>
                  <a:cubicBezTo>
                    <a:pt x="167180" y="184303"/>
                    <a:pt x="169359" y="183680"/>
                    <a:pt x="171227" y="182746"/>
                  </a:cubicBezTo>
                  <a:lnTo>
                    <a:pt x="270850" y="134180"/>
                  </a:lnTo>
                  <a:cubicBezTo>
                    <a:pt x="275831" y="131689"/>
                    <a:pt x="278945" y="126708"/>
                    <a:pt x="278945" y="121416"/>
                  </a:cubicBezTo>
                  <a:cubicBezTo>
                    <a:pt x="278945" y="121104"/>
                    <a:pt x="278945" y="121104"/>
                    <a:pt x="278945" y="120793"/>
                  </a:cubicBezTo>
                  <a:cubicBezTo>
                    <a:pt x="278633" y="115812"/>
                    <a:pt x="275520" y="111142"/>
                    <a:pt x="270850" y="108651"/>
                  </a:cubicBezTo>
                  <a:close/>
                  <a:moveTo>
                    <a:pt x="265247" y="123284"/>
                  </a:moveTo>
                  <a:lnTo>
                    <a:pt x="165623" y="171850"/>
                  </a:lnTo>
                  <a:cubicBezTo>
                    <a:pt x="164689" y="172161"/>
                    <a:pt x="164067" y="171850"/>
                    <a:pt x="163755" y="171850"/>
                  </a:cubicBezTo>
                  <a:cubicBezTo>
                    <a:pt x="163444" y="171539"/>
                    <a:pt x="162822" y="171227"/>
                    <a:pt x="162822" y="170293"/>
                  </a:cubicBezTo>
                  <a:lnTo>
                    <a:pt x="163133" y="121416"/>
                  </a:lnTo>
                  <a:lnTo>
                    <a:pt x="163444" y="72538"/>
                  </a:lnTo>
                  <a:cubicBezTo>
                    <a:pt x="163444" y="71604"/>
                    <a:pt x="164067" y="70981"/>
                    <a:pt x="164378" y="70981"/>
                  </a:cubicBezTo>
                  <a:cubicBezTo>
                    <a:pt x="164689" y="70981"/>
                    <a:pt x="165001" y="70670"/>
                    <a:pt x="165312" y="70670"/>
                  </a:cubicBezTo>
                  <a:cubicBezTo>
                    <a:pt x="165623" y="70670"/>
                    <a:pt x="165935" y="70670"/>
                    <a:pt x="166246" y="70981"/>
                  </a:cubicBezTo>
                  <a:lnTo>
                    <a:pt x="265558" y="120482"/>
                  </a:lnTo>
                  <a:cubicBezTo>
                    <a:pt x="266180" y="120793"/>
                    <a:pt x="266492" y="121104"/>
                    <a:pt x="266492" y="121727"/>
                  </a:cubicBezTo>
                  <a:cubicBezTo>
                    <a:pt x="266492" y="122038"/>
                    <a:pt x="266492" y="122038"/>
                    <a:pt x="266492" y="122350"/>
                  </a:cubicBezTo>
                  <a:cubicBezTo>
                    <a:pt x="266492" y="122038"/>
                    <a:pt x="266180" y="122972"/>
                    <a:pt x="265247" y="123284"/>
                  </a:cubicBezTo>
                  <a:close/>
                </a:path>
              </a:pathLst>
            </a:custGeom>
            <a:solidFill>
              <a:schemeClr val="tx1"/>
            </a:solidFill>
            <a:ln w="3111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33" name="TextBox 32">
            <a:extLst>
              <a:ext uri="{FF2B5EF4-FFF2-40B4-BE49-F238E27FC236}">
                <a16:creationId xmlns:a16="http://schemas.microsoft.com/office/drawing/2014/main" id="{DA02D47B-6959-6F73-90E2-8EAF2D007C37}"/>
              </a:ext>
            </a:extLst>
          </p:cNvPr>
          <p:cNvSpPr txBox="1"/>
          <p:nvPr/>
        </p:nvSpPr>
        <p:spPr>
          <a:xfrm>
            <a:off x="1388018" y="2101047"/>
            <a:ext cx="167353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 dirty="0">
                <a:ea typeface="Arial Unicode MS" pitchFamily="34" charset="-128"/>
                <a:cs typeface="Arial Unicode MS" pitchFamily="34" charset="-128"/>
              </a:rPr>
              <a:t>SAP Brand Tools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904993DE-45DD-341A-3A10-E26B0044EC03}"/>
              </a:ext>
            </a:extLst>
          </p:cNvPr>
          <p:cNvSpPr txBox="1"/>
          <p:nvPr/>
        </p:nvSpPr>
        <p:spPr>
          <a:xfrm>
            <a:off x="503239" y="2600362"/>
            <a:ext cx="2558314" cy="20928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chemeClr val="accent1"/>
              </a:buClr>
              <a:buSzPct val="100000"/>
              <a:buFont typeface="Wingdings" pitchFamily="2" charset="2"/>
              <a:buChar char="§"/>
            </a:pPr>
            <a:r>
              <a:rPr lang="en-US" sz="1600" dirty="0"/>
              <a:t>Find information on our brand strategy, logo and tagline, color palette, voice, graphics, font, and photography</a:t>
            </a:r>
          </a:p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chemeClr val="accent1"/>
              </a:buClr>
              <a:buSzPct val="100000"/>
              <a:buFont typeface="Wingdings" pitchFamily="2" charset="2"/>
              <a:buChar char="§"/>
            </a:pPr>
            <a:r>
              <a:rPr lang="en-US" sz="1600" dirty="0"/>
              <a:t>Copy this link and </a:t>
            </a:r>
            <a:br>
              <a:rPr lang="en-US" sz="1600" dirty="0"/>
            </a:br>
            <a:r>
              <a:rPr lang="en-US" sz="1600" dirty="0"/>
              <a:t>paste it in a browser: </a:t>
            </a:r>
            <a:r>
              <a:rPr lang="en-US" sz="1600" kern="0" dirty="0">
                <a:ea typeface="Arial Unicode MS" pitchFamily="34" charset="-128"/>
                <a:cs typeface="Arial Unicode MS" pitchFamily="34" charset="-128"/>
                <a:hlinkClick r:id="rId6"/>
              </a:rPr>
              <a:t>www.sapbrandtools.com</a:t>
            </a: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 </a:t>
            </a:r>
          </a:p>
        </p:txBody>
      </p:sp>
      <p:grpSp>
        <p:nvGrpSpPr>
          <p:cNvPr id="46" name="Group 45">
            <a:extLst>
              <a:ext uri="{FF2B5EF4-FFF2-40B4-BE49-F238E27FC236}">
                <a16:creationId xmlns:a16="http://schemas.microsoft.com/office/drawing/2014/main" id="{0CA3082A-9F43-B2E1-BC07-CDF947CA11BA}"/>
              </a:ext>
            </a:extLst>
          </p:cNvPr>
          <p:cNvGrpSpPr/>
          <p:nvPr/>
        </p:nvGrpSpPr>
        <p:grpSpPr>
          <a:xfrm>
            <a:off x="510696" y="1823679"/>
            <a:ext cx="620724" cy="643505"/>
            <a:chOff x="510696" y="2344215"/>
            <a:chExt cx="620724" cy="643505"/>
          </a:xfrm>
        </p:grpSpPr>
        <p:sp>
          <p:nvSpPr>
            <p:cNvPr id="60" name="Freeform 59">
              <a:extLst>
                <a:ext uri="{FF2B5EF4-FFF2-40B4-BE49-F238E27FC236}">
                  <a16:creationId xmlns:a16="http://schemas.microsoft.com/office/drawing/2014/main" id="{1003F938-0520-E086-8F9B-21E363AC766C}"/>
                </a:ext>
              </a:extLst>
            </p:cNvPr>
            <p:cNvSpPr/>
            <p:nvPr/>
          </p:nvSpPr>
          <p:spPr>
            <a:xfrm>
              <a:off x="868853" y="2365803"/>
              <a:ext cx="262567" cy="232489"/>
            </a:xfrm>
            <a:custGeom>
              <a:avLst/>
              <a:gdLst>
                <a:gd name="connsiteX0" fmla="*/ 146100 w 262567"/>
                <a:gd name="connsiteY0" fmla="*/ 232398 h 232489"/>
                <a:gd name="connsiteX1" fmla="*/ 59622 w 262567"/>
                <a:gd name="connsiteY1" fmla="*/ 193665 h 232489"/>
                <a:gd name="connsiteX2" fmla="*/ 0 w 262567"/>
                <a:gd name="connsiteY2" fmla="*/ 194304 h 232489"/>
                <a:gd name="connsiteX3" fmla="*/ 36145 w 262567"/>
                <a:gd name="connsiteY3" fmla="*/ 153318 h 232489"/>
                <a:gd name="connsiteX4" fmla="*/ 109249 w 262567"/>
                <a:gd name="connsiteY4" fmla="*/ 6098 h 232489"/>
                <a:gd name="connsiteX5" fmla="*/ 256470 w 262567"/>
                <a:gd name="connsiteY5" fmla="*/ 79202 h 232489"/>
                <a:gd name="connsiteX6" fmla="*/ 183365 w 262567"/>
                <a:gd name="connsiteY6" fmla="*/ 226423 h 232489"/>
                <a:gd name="connsiteX7" fmla="*/ 146100 w 262567"/>
                <a:gd name="connsiteY7" fmla="*/ 232489 h 232489"/>
                <a:gd name="connsiteX8" fmla="*/ 65133 w 262567"/>
                <a:gd name="connsiteY8" fmla="*/ 181393 h 232489"/>
                <a:gd name="connsiteX9" fmla="*/ 66991 w 262567"/>
                <a:gd name="connsiteY9" fmla="*/ 183586 h 232489"/>
                <a:gd name="connsiteX10" fmla="*/ 213605 w 262567"/>
                <a:gd name="connsiteY10" fmla="*/ 195573 h 232489"/>
                <a:gd name="connsiteX11" fmla="*/ 232518 w 262567"/>
                <a:gd name="connsiteY11" fmla="*/ 174451 h 232489"/>
                <a:gd name="connsiteX12" fmla="*/ 204449 w 262567"/>
                <a:gd name="connsiteY12" fmla="*/ 30049 h 232489"/>
                <a:gd name="connsiteX13" fmla="*/ 204413 w 262567"/>
                <a:gd name="connsiteY13" fmla="*/ 30025 h 232489"/>
                <a:gd name="connsiteX14" fmla="*/ 204413 w 262567"/>
                <a:gd name="connsiteY14" fmla="*/ 30025 h 232489"/>
                <a:gd name="connsiteX15" fmla="*/ 60036 w 262567"/>
                <a:gd name="connsiteY15" fmla="*/ 58220 h 232489"/>
                <a:gd name="connsiteX16" fmla="*/ 48812 w 262567"/>
                <a:gd name="connsiteY16" fmla="*/ 152526 h 232489"/>
                <a:gd name="connsiteX17" fmla="*/ 50060 w 262567"/>
                <a:gd name="connsiteY17" fmla="*/ 155937 h 232489"/>
                <a:gd name="connsiteX18" fmla="*/ 27253 w 262567"/>
                <a:gd name="connsiteY18" fmla="*/ 181820 h 2324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</a:cxnLst>
              <a:rect l="l" t="t" r="r" b="b"/>
              <a:pathLst>
                <a:path w="262567" h="232489">
                  <a:moveTo>
                    <a:pt x="146100" y="232398"/>
                  </a:moveTo>
                  <a:cubicBezTo>
                    <a:pt x="113078" y="232372"/>
                    <a:pt x="81628" y="218286"/>
                    <a:pt x="59622" y="193665"/>
                  </a:cubicBezTo>
                  <a:lnTo>
                    <a:pt x="0" y="194304"/>
                  </a:lnTo>
                  <a:lnTo>
                    <a:pt x="36145" y="153318"/>
                  </a:lnTo>
                  <a:cubicBezTo>
                    <a:pt x="15678" y="92477"/>
                    <a:pt x="48408" y="26564"/>
                    <a:pt x="109249" y="6098"/>
                  </a:cubicBezTo>
                  <a:cubicBezTo>
                    <a:pt x="170091" y="-14369"/>
                    <a:pt x="236004" y="18361"/>
                    <a:pt x="256470" y="79202"/>
                  </a:cubicBezTo>
                  <a:cubicBezTo>
                    <a:pt x="276937" y="140044"/>
                    <a:pt x="244206" y="205957"/>
                    <a:pt x="183365" y="226423"/>
                  </a:cubicBezTo>
                  <a:cubicBezTo>
                    <a:pt x="171357" y="230462"/>
                    <a:pt x="158770" y="232511"/>
                    <a:pt x="146100" y="232489"/>
                  </a:cubicBezTo>
                  <a:close/>
                  <a:moveTo>
                    <a:pt x="65133" y="181393"/>
                  </a:moveTo>
                  <a:lnTo>
                    <a:pt x="66991" y="183586"/>
                  </a:lnTo>
                  <a:cubicBezTo>
                    <a:pt x="104167" y="227382"/>
                    <a:pt x="169809" y="232749"/>
                    <a:pt x="213605" y="195573"/>
                  </a:cubicBezTo>
                  <a:cubicBezTo>
                    <a:pt x="220844" y="189429"/>
                    <a:pt x="227208" y="182322"/>
                    <a:pt x="232518" y="174451"/>
                  </a:cubicBezTo>
                  <a:cubicBezTo>
                    <a:pt x="264643" y="126824"/>
                    <a:pt x="252076" y="62174"/>
                    <a:pt x="204449" y="30049"/>
                  </a:cubicBezTo>
                  <a:cubicBezTo>
                    <a:pt x="204437" y="30041"/>
                    <a:pt x="204425" y="30033"/>
                    <a:pt x="204413" y="30025"/>
                  </a:cubicBezTo>
                  <a:lnTo>
                    <a:pt x="204413" y="30025"/>
                  </a:lnTo>
                  <a:cubicBezTo>
                    <a:pt x="156759" y="-2058"/>
                    <a:pt x="92119" y="10565"/>
                    <a:pt x="60036" y="58220"/>
                  </a:cubicBezTo>
                  <a:cubicBezTo>
                    <a:pt x="41325" y="86013"/>
                    <a:pt x="37146" y="121118"/>
                    <a:pt x="48812" y="152526"/>
                  </a:cubicBezTo>
                  <a:lnTo>
                    <a:pt x="50060" y="155937"/>
                  </a:lnTo>
                  <a:lnTo>
                    <a:pt x="27253" y="181820"/>
                  </a:lnTo>
                  <a:close/>
                </a:path>
              </a:pathLst>
            </a:custGeom>
            <a:solidFill>
              <a:schemeClr val="tx1"/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2" name="Freeform 61">
              <a:extLst>
                <a:ext uri="{FF2B5EF4-FFF2-40B4-BE49-F238E27FC236}">
                  <a16:creationId xmlns:a16="http://schemas.microsoft.com/office/drawing/2014/main" id="{9BE8E449-A65E-215E-E052-F2B2726EC6AB}"/>
                </a:ext>
              </a:extLst>
            </p:cNvPr>
            <p:cNvSpPr/>
            <p:nvPr/>
          </p:nvSpPr>
          <p:spPr>
            <a:xfrm>
              <a:off x="866356" y="2344215"/>
              <a:ext cx="243431" cy="237859"/>
            </a:xfrm>
            <a:custGeom>
              <a:avLst/>
              <a:gdLst>
                <a:gd name="connsiteX0" fmla="*/ 6486 w 243431"/>
                <a:gd name="connsiteY0" fmla="*/ 30694 h 237859"/>
                <a:gd name="connsiteX1" fmla="*/ 44610 w 243431"/>
                <a:gd name="connsiteY1" fmla="*/ 68818 h 237859"/>
                <a:gd name="connsiteX2" fmla="*/ 72259 w 243431"/>
                <a:gd name="connsiteY2" fmla="*/ 41169 h 237859"/>
                <a:gd name="connsiteX3" fmla="*/ 35718 w 243431"/>
                <a:gd name="connsiteY3" fmla="*/ 4629 h 237859"/>
                <a:gd name="connsiteX4" fmla="*/ 59469 w 243431"/>
                <a:gd name="connsiteY4" fmla="*/ 0 h 237859"/>
                <a:gd name="connsiteX5" fmla="*/ 118939 w 243431"/>
                <a:gd name="connsiteY5" fmla="*/ 56273 h 237859"/>
                <a:gd name="connsiteX6" fmla="*/ 115102 w 243431"/>
                <a:gd name="connsiteY6" fmla="*/ 76217 h 237859"/>
                <a:gd name="connsiteX7" fmla="*/ 236538 w 243431"/>
                <a:gd name="connsiteY7" fmla="*/ 197653 h 237859"/>
                <a:gd name="connsiteX8" fmla="*/ 236538 w 243431"/>
                <a:gd name="connsiteY8" fmla="*/ 230966 h 237859"/>
                <a:gd name="connsiteX9" fmla="*/ 236538 w 243431"/>
                <a:gd name="connsiteY9" fmla="*/ 230966 h 237859"/>
                <a:gd name="connsiteX10" fmla="*/ 203225 w 243431"/>
                <a:gd name="connsiteY10" fmla="*/ 230966 h 237859"/>
                <a:gd name="connsiteX11" fmla="*/ 80998 w 243431"/>
                <a:gd name="connsiteY11" fmla="*/ 108738 h 237859"/>
                <a:gd name="connsiteX12" fmla="*/ 59469 w 243431"/>
                <a:gd name="connsiteY12" fmla="*/ 112575 h 237859"/>
                <a:gd name="connsiteX13" fmla="*/ 0 w 243431"/>
                <a:gd name="connsiteY13" fmla="*/ 56273 h 237859"/>
                <a:gd name="connsiteX14" fmla="*/ 6486 w 243431"/>
                <a:gd name="connsiteY14" fmla="*/ 30694 h 2378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243431" h="237859">
                  <a:moveTo>
                    <a:pt x="6486" y="30694"/>
                  </a:moveTo>
                  <a:lnTo>
                    <a:pt x="44610" y="68818"/>
                  </a:lnTo>
                  <a:lnTo>
                    <a:pt x="72259" y="41169"/>
                  </a:lnTo>
                  <a:lnTo>
                    <a:pt x="35718" y="4629"/>
                  </a:lnTo>
                  <a:cubicBezTo>
                    <a:pt x="43255" y="1544"/>
                    <a:pt x="51325" y="-29"/>
                    <a:pt x="59469" y="0"/>
                  </a:cubicBezTo>
                  <a:cubicBezTo>
                    <a:pt x="92325" y="0"/>
                    <a:pt x="118939" y="25213"/>
                    <a:pt x="118939" y="56273"/>
                  </a:cubicBezTo>
                  <a:cubicBezTo>
                    <a:pt x="118937" y="63104"/>
                    <a:pt x="117635" y="69873"/>
                    <a:pt x="115102" y="76217"/>
                  </a:cubicBezTo>
                  <a:lnTo>
                    <a:pt x="236538" y="197653"/>
                  </a:lnTo>
                  <a:cubicBezTo>
                    <a:pt x="245730" y="206855"/>
                    <a:pt x="245730" y="221764"/>
                    <a:pt x="236538" y="230966"/>
                  </a:cubicBezTo>
                  <a:lnTo>
                    <a:pt x="236538" y="230966"/>
                  </a:lnTo>
                  <a:cubicBezTo>
                    <a:pt x="227336" y="240158"/>
                    <a:pt x="212427" y="240158"/>
                    <a:pt x="203225" y="230966"/>
                  </a:cubicBezTo>
                  <a:lnTo>
                    <a:pt x="80998" y="108738"/>
                  </a:lnTo>
                  <a:cubicBezTo>
                    <a:pt x="74106" y="111284"/>
                    <a:pt x="66816" y="112583"/>
                    <a:pt x="59469" y="112575"/>
                  </a:cubicBezTo>
                  <a:cubicBezTo>
                    <a:pt x="26614" y="112575"/>
                    <a:pt x="0" y="87362"/>
                    <a:pt x="0" y="56273"/>
                  </a:cubicBezTo>
                  <a:cubicBezTo>
                    <a:pt x="1" y="47340"/>
                    <a:pt x="2231" y="38548"/>
                    <a:pt x="6486" y="30694"/>
                  </a:cubicBezTo>
                  <a:close/>
                </a:path>
              </a:pathLst>
            </a:custGeom>
            <a:solidFill>
              <a:srgbClr val="008FD3"/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3" name="Freeform 62">
              <a:extLst>
                <a:ext uri="{FF2B5EF4-FFF2-40B4-BE49-F238E27FC236}">
                  <a16:creationId xmlns:a16="http://schemas.microsoft.com/office/drawing/2014/main" id="{E820CC67-9216-5E25-8105-AE922F27B6C9}"/>
                </a:ext>
              </a:extLst>
            </p:cNvPr>
            <p:cNvSpPr/>
            <p:nvPr/>
          </p:nvSpPr>
          <p:spPr>
            <a:xfrm>
              <a:off x="897202" y="2370311"/>
              <a:ext cx="112818" cy="112057"/>
            </a:xfrm>
            <a:custGeom>
              <a:avLst/>
              <a:gdLst>
                <a:gd name="connsiteX0" fmla="*/ 84256 w 112818"/>
                <a:gd name="connsiteY0" fmla="*/ 50121 h 112057"/>
                <a:gd name="connsiteX1" fmla="*/ 78744 w 112818"/>
                <a:gd name="connsiteY1" fmla="*/ 0 h 112057"/>
                <a:gd name="connsiteX2" fmla="*/ 0 w 112818"/>
                <a:gd name="connsiteY2" fmla="*/ 79506 h 112057"/>
                <a:gd name="connsiteX3" fmla="*/ 50152 w 112818"/>
                <a:gd name="connsiteY3" fmla="*/ 82551 h 112057"/>
                <a:gd name="connsiteX4" fmla="*/ 79658 w 112818"/>
                <a:gd name="connsiteY4" fmla="*/ 112057 h 112057"/>
                <a:gd name="connsiteX5" fmla="*/ 112818 w 112818"/>
                <a:gd name="connsiteY5" fmla="*/ 78562 h 1120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2818" h="112057">
                  <a:moveTo>
                    <a:pt x="84256" y="50121"/>
                  </a:moveTo>
                  <a:cubicBezTo>
                    <a:pt x="90895" y="33541"/>
                    <a:pt x="88828" y="14742"/>
                    <a:pt x="78744" y="0"/>
                  </a:cubicBezTo>
                  <a:lnTo>
                    <a:pt x="0" y="79506"/>
                  </a:lnTo>
                  <a:cubicBezTo>
                    <a:pt x="15548" y="87519"/>
                    <a:pt x="33749" y="88624"/>
                    <a:pt x="50152" y="82551"/>
                  </a:cubicBezTo>
                  <a:lnTo>
                    <a:pt x="79658" y="112057"/>
                  </a:lnTo>
                  <a:lnTo>
                    <a:pt x="112818" y="78562"/>
                  </a:lnTo>
                  <a:close/>
                </a:path>
              </a:pathLst>
            </a:custGeom>
            <a:solidFill>
              <a:srgbClr val="F0AB00">
                <a:alpha val="40000"/>
              </a:srgbClr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4" name="Freeform 63">
              <a:extLst>
                <a:ext uri="{FF2B5EF4-FFF2-40B4-BE49-F238E27FC236}">
                  <a16:creationId xmlns:a16="http://schemas.microsoft.com/office/drawing/2014/main" id="{BB12AB61-6EEC-43D1-6D57-DB13552B5937}"/>
                </a:ext>
              </a:extLst>
            </p:cNvPr>
            <p:cNvSpPr/>
            <p:nvPr/>
          </p:nvSpPr>
          <p:spPr>
            <a:xfrm>
              <a:off x="976860" y="2448994"/>
              <a:ext cx="89402" cy="89706"/>
            </a:xfrm>
            <a:custGeom>
              <a:avLst/>
              <a:gdLst>
                <a:gd name="connsiteX0" fmla="*/ 56272 w 89402"/>
                <a:gd name="connsiteY0" fmla="*/ 89707 h 89706"/>
                <a:gd name="connsiteX1" fmla="*/ 89402 w 89402"/>
                <a:gd name="connsiteY1" fmla="*/ 56272 h 89706"/>
                <a:gd name="connsiteX2" fmla="*/ 33160 w 89402"/>
                <a:gd name="connsiteY2" fmla="*/ 0 h 89706"/>
                <a:gd name="connsiteX3" fmla="*/ 0 w 89402"/>
                <a:gd name="connsiteY3" fmla="*/ 33465 h 89706"/>
                <a:gd name="connsiteX4" fmla="*/ 56272 w 89402"/>
                <a:gd name="connsiteY4" fmla="*/ 89707 h 8970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9402" h="89706">
                  <a:moveTo>
                    <a:pt x="56272" y="89707"/>
                  </a:moveTo>
                  <a:lnTo>
                    <a:pt x="89402" y="56272"/>
                  </a:lnTo>
                  <a:lnTo>
                    <a:pt x="33160" y="0"/>
                  </a:lnTo>
                  <a:lnTo>
                    <a:pt x="0" y="33465"/>
                  </a:lnTo>
                  <a:lnTo>
                    <a:pt x="56272" y="89707"/>
                  </a:lnTo>
                  <a:close/>
                </a:path>
              </a:pathLst>
            </a:custGeom>
            <a:solidFill>
              <a:srgbClr val="F0AB00">
                <a:alpha val="70000"/>
              </a:srgbClr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" name="Freeform 64">
              <a:extLst>
                <a:ext uri="{FF2B5EF4-FFF2-40B4-BE49-F238E27FC236}">
                  <a16:creationId xmlns:a16="http://schemas.microsoft.com/office/drawing/2014/main" id="{7B04AE52-3BB5-D551-5AD6-D7C0DAA65360}"/>
                </a:ext>
              </a:extLst>
            </p:cNvPr>
            <p:cNvSpPr/>
            <p:nvPr/>
          </p:nvSpPr>
          <p:spPr>
            <a:xfrm>
              <a:off x="1033193" y="2505327"/>
              <a:ext cx="76594" cy="76763"/>
            </a:xfrm>
            <a:custGeom>
              <a:avLst/>
              <a:gdLst>
                <a:gd name="connsiteX0" fmla="*/ 69701 w 76594"/>
                <a:gd name="connsiteY0" fmla="*/ 69853 h 76763"/>
                <a:gd name="connsiteX1" fmla="*/ 69701 w 76594"/>
                <a:gd name="connsiteY1" fmla="*/ 69853 h 76763"/>
                <a:gd name="connsiteX2" fmla="*/ 69701 w 76594"/>
                <a:gd name="connsiteY2" fmla="*/ 36540 h 76763"/>
                <a:gd name="connsiteX3" fmla="*/ 33160 w 76594"/>
                <a:gd name="connsiteY3" fmla="*/ 0 h 76763"/>
                <a:gd name="connsiteX4" fmla="*/ 0 w 76594"/>
                <a:gd name="connsiteY4" fmla="*/ 33495 h 76763"/>
                <a:gd name="connsiteX5" fmla="*/ 36540 w 76594"/>
                <a:gd name="connsiteY5" fmla="*/ 70036 h 76763"/>
                <a:gd name="connsiteX6" fmla="*/ 69701 w 76594"/>
                <a:gd name="connsiteY6" fmla="*/ 69853 h 7676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76594" h="76763">
                  <a:moveTo>
                    <a:pt x="69701" y="69853"/>
                  </a:moveTo>
                  <a:lnTo>
                    <a:pt x="69701" y="69853"/>
                  </a:lnTo>
                  <a:cubicBezTo>
                    <a:pt x="78893" y="60651"/>
                    <a:pt x="78893" y="45742"/>
                    <a:pt x="69701" y="36540"/>
                  </a:cubicBezTo>
                  <a:lnTo>
                    <a:pt x="33160" y="0"/>
                  </a:lnTo>
                  <a:lnTo>
                    <a:pt x="0" y="33495"/>
                  </a:lnTo>
                  <a:lnTo>
                    <a:pt x="36540" y="70036"/>
                  </a:lnTo>
                  <a:cubicBezTo>
                    <a:pt x="45775" y="79076"/>
                    <a:pt x="60567" y="78995"/>
                    <a:pt x="69701" y="69853"/>
                  </a:cubicBezTo>
                  <a:close/>
                </a:path>
              </a:pathLst>
            </a:custGeom>
            <a:solidFill>
              <a:srgbClr val="F0AB00"/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" name="Freeform 65">
              <a:extLst>
                <a:ext uri="{FF2B5EF4-FFF2-40B4-BE49-F238E27FC236}">
                  <a16:creationId xmlns:a16="http://schemas.microsoft.com/office/drawing/2014/main" id="{336DB5D0-B998-45AB-15F2-11AABF142A44}"/>
                </a:ext>
              </a:extLst>
            </p:cNvPr>
            <p:cNvSpPr/>
            <p:nvPr/>
          </p:nvSpPr>
          <p:spPr>
            <a:xfrm>
              <a:off x="699975" y="2610818"/>
              <a:ext cx="223160" cy="142953"/>
            </a:xfrm>
            <a:custGeom>
              <a:avLst/>
              <a:gdLst>
                <a:gd name="connsiteX0" fmla="*/ 196404 w 223160"/>
                <a:gd name="connsiteY0" fmla="*/ 20 h 142953"/>
                <a:gd name="connsiteX1" fmla="*/ 62423 w 223160"/>
                <a:gd name="connsiteY1" fmla="*/ 20 h 142953"/>
                <a:gd name="connsiteX2" fmla="*/ 35656 w 223160"/>
                <a:gd name="connsiteY2" fmla="*/ 24797 h 142953"/>
                <a:gd name="connsiteX3" fmla="*/ 35657 w 223160"/>
                <a:gd name="connsiteY3" fmla="*/ 26816 h 142953"/>
                <a:gd name="connsiteX4" fmla="*/ 35657 w 223160"/>
                <a:gd name="connsiteY4" fmla="*/ 26816 h 142953"/>
                <a:gd name="connsiteX5" fmla="*/ 35657 w 223160"/>
                <a:gd name="connsiteY5" fmla="*/ 107144 h 142953"/>
                <a:gd name="connsiteX6" fmla="*/ 0 w 223160"/>
                <a:gd name="connsiteY6" fmla="*/ 107144 h 142953"/>
                <a:gd name="connsiteX7" fmla="*/ 0 w 223160"/>
                <a:gd name="connsiteY7" fmla="*/ 142862 h 142953"/>
                <a:gd name="connsiteX8" fmla="*/ 116046 w 223160"/>
                <a:gd name="connsiteY8" fmla="*/ 142862 h 142953"/>
                <a:gd name="connsiteX9" fmla="*/ 107094 w 223160"/>
                <a:gd name="connsiteY9" fmla="*/ 133940 h 142953"/>
                <a:gd name="connsiteX10" fmla="*/ 107094 w 223160"/>
                <a:gd name="connsiteY10" fmla="*/ 126114 h 142953"/>
                <a:gd name="connsiteX11" fmla="*/ 116016 w 223160"/>
                <a:gd name="connsiteY11" fmla="*/ 113934 h 142953"/>
                <a:gd name="connsiteX12" fmla="*/ 116016 w 223160"/>
                <a:gd name="connsiteY12" fmla="*/ 107235 h 142953"/>
                <a:gd name="connsiteX13" fmla="*/ 142812 w 223160"/>
                <a:gd name="connsiteY13" fmla="*/ 107235 h 142953"/>
                <a:gd name="connsiteX14" fmla="*/ 142812 w 223160"/>
                <a:gd name="connsiteY14" fmla="*/ 142953 h 142953"/>
                <a:gd name="connsiteX15" fmla="*/ 223140 w 223160"/>
                <a:gd name="connsiteY15" fmla="*/ 142953 h 142953"/>
                <a:gd name="connsiteX16" fmla="*/ 223140 w 223160"/>
                <a:gd name="connsiteY16" fmla="*/ 26816 h 142953"/>
                <a:gd name="connsiteX17" fmla="*/ 198391 w 223160"/>
                <a:gd name="connsiteY17" fmla="*/ 22 h 142953"/>
                <a:gd name="connsiteX18" fmla="*/ 196404 w 223160"/>
                <a:gd name="connsiteY18" fmla="*/ 20 h 14295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</a:cxnLst>
              <a:rect l="l" t="t" r="r" b="b"/>
              <a:pathLst>
                <a:path w="223160" h="142953">
                  <a:moveTo>
                    <a:pt x="196404" y="20"/>
                  </a:moveTo>
                  <a:lnTo>
                    <a:pt x="62423" y="20"/>
                  </a:lnTo>
                  <a:cubicBezTo>
                    <a:pt x="48189" y="-530"/>
                    <a:pt x="36206" y="10563"/>
                    <a:pt x="35656" y="24797"/>
                  </a:cubicBezTo>
                  <a:cubicBezTo>
                    <a:pt x="35630" y="25470"/>
                    <a:pt x="35631" y="26143"/>
                    <a:pt x="35657" y="26816"/>
                  </a:cubicBezTo>
                  <a:lnTo>
                    <a:pt x="35657" y="26816"/>
                  </a:lnTo>
                  <a:lnTo>
                    <a:pt x="35657" y="107144"/>
                  </a:lnTo>
                  <a:lnTo>
                    <a:pt x="0" y="107144"/>
                  </a:lnTo>
                  <a:lnTo>
                    <a:pt x="0" y="142862"/>
                  </a:lnTo>
                  <a:lnTo>
                    <a:pt x="116046" y="142862"/>
                  </a:lnTo>
                  <a:lnTo>
                    <a:pt x="107094" y="133940"/>
                  </a:lnTo>
                  <a:lnTo>
                    <a:pt x="107094" y="126114"/>
                  </a:lnTo>
                  <a:lnTo>
                    <a:pt x="116016" y="113934"/>
                  </a:lnTo>
                  <a:lnTo>
                    <a:pt x="116016" y="107235"/>
                  </a:lnTo>
                  <a:lnTo>
                    <a:pt x="142812" y="107235"/>
                  </a:lnTo>
                  <a:lnTo>
                    <a:pt x="142812" y="142953"/>
                  </a:lnTo>
                  <a:lnTo>
                    <a:pt x="223140" y="142953"/>
                  </a:lnTo>
                  <a:lnTo>
                    <a:pt x="223140" y="26816"/>
                  </a:lnTo>
                  <a:cubicBezTo>
                    <a:pt x="223705" y="12583"/>
                    <a:pt x="212624" y="587"/>
                    <a:pt x="198391" y="22"/>
                  </a:cubicBezTo>
                  <a:cubicBezTo>
                    <a:pt x="197729" y="-4"/>
                    <a:pt x="197066" y="-5"/>
                    <a:pt x="196404" y="20"/>
                  </a:cubicBezTo>
                  <a:close/>
                </a:path>
              </a:pathLst>
            </a:custGeom>
            <a:solidFill>
              <a:srgbClr val="008FD3"/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" name="Freeform 66">
              <a:extLst>
                <a:ext uri="{FF2B5EF4-FFF2-40B4-BE49-F238E27FC236}">
                  <a16:creationId xmlns:a16="http://schemas.microsoft.com/office/drawing/2014/main" id="{5B2F9652-5A8F-D489-F86F-81346C052BB8}"/>
                </a:ext>
              </a:extLst>
            </p:cNvPr>
            <p:cNvSpPr/>
            <p:nvPr/>
          </p:nvSpPr>
          <p:spPr>
            <a:xfrm>
              <a:off x="735612" y="2610818"/>
              <a:ext cx="187492" cy="35737"/>
            </a:xfrm>
            <a:custGeom>
              <a:avLst/>
              <a:gdLst>
                <a:gd name="connsiteX0" fmla="*/ 160767 w 187492"/>
                <a:gd name="connsiteY0" fmla="*/ 20 h 35737"/>
                <a:gd name="connsiteX1" fmla="*/ 26786 w 187492"/>
                <a:gd name="connsiteY1" fmla="*/ 20 h 35737"/>
                <a:gd name="connsiteX2" fmla="*/ 19 w 187492"/>
                <a:gd name="connsiteY2" fmla="*/ 24797 h 35737"/>
                <a:gd name="connsiteX3" fmla="*/ 20 w 187492"/>
                <a:gd name="connsiteY3" fmla="*/ 26816 h 35737"/>
                <a:gd name="connsiteX4" fmla="*/ 20 w 187492"/>
                <a:gd name="connsiteY4" fmla="*/ 26816 h 35737"/>
                <a:gd name="connsiteX5" fmla="*/ 20 w 187492"/>
                <a:gd name="connsiteY5" fmla="*/ 35738 h 35737"/>
                <a:gd name="connsiteX6" fmla="*/ 187472 w 187492"/>
                <a:gd name="connsiteY6" fmla="*/ 35738 h 35737"/>
                <a:gd name="connsiteX7" fmla="*/ 187472 w 187492"/>
                <a:gd name="connsiteY7" fmla="*/ 26816 h 35737"/>
                <a:gd name="connsiteX8" fmla="*/ 162723 w 187492"/>
                <a:gd name="connsiteY8" fmla="*/ 23 h 35737"/>
                <a:gd name="connsiteX9" fmla="*/ 160767 w 187492"/>
                <a:gd name="connsiteY9" fmla="*/ 20 h 357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187492" h="35737">
                  <a:moveTo>
                    <a:pt x="160767" y="20"/>
                  </a:moveTo>
                  <a:lnTo>
                    <a:pt x="26786" y="20"/>
                  </a:lnTo>
                  <a:cubicBezTo>
                    <a:pt x="12553" y="-530"/>
                    <a:pt x="569" y="10563"/>
                    <a:pt x="19" y="24797"/>
                  </a:cubicBezTo>
                  <a:cubicBezTo>
                    <a:pt x="-7" y="25470"/>
                    <a:pt x="-6" y="26143"/>
                    <a:pt x="20" y="26816"/>
                  </a:cubicBezTo>
                  <a:lnTo>
                    <a:pt x="20" y="26816"/>
                  </a:lnTo>
                  <a:lnTo>
                    <a:pt x="20" y="35738"/>
                  </a:lnTo>
                  <a:lnTo>
                    <a:pt x="187472" y="35738"/>
                  </a:lnTo>
                  <a:lnTo>
                    <a:pt x="187472" y="26816"/>
                  </a:lnTo>
                  <a:cubicBezTo>
                    <a:pt x="188037" y="12583"/>
                    <a:pt x="176956" y="587"/>
                    <a:pt x="162723" y="23"/>
                  </a:cubicBezTo>
                  <a:cubicBezTo>
                    <a:pt x="162071" y="-3"/>
                    <a:pt x="161419" y="-4"/>
                    <a:pt x="160767" y="20"/>
                  </a:cubicBezTo>
                  <a:close/>
                </a:path>
              </a:pathLst>
            </a:custGeom>
            <a:solidFill>
              <a:srgbClr val="F0AB00"/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" name="Freeform 67">
              <a:extLst>
                <a:ext uri="{FF2B5EF4-FFF2-40B4-BE49-F238E27FC236}">
                  <a16:creationId xmlns:a16="http://schemas.microsoft.com/office/drawing/2014/main" id="{3984E082-6D2F-2BD8-11C2-D198D2EB618F}"/>
                </a:ext>
              </a:extLst>
            </p:cNvPr>
            <p:cNvSpPr/>
            <p:nvPr/>
          </p:nvSpPr>
          <p:spPr>
            <a:xfrm>
              <a:off x="735693" y="2646556"/>
              <a:ext cx="187451" cy="35718"/>
            </a:xfrm>
            <a:custGeom>
              <a:avLst/>
              <a:gdLst>
                <a:gd name="connsiteX0" fmla="*/ 0 w 187451"/>
                <a:gd name="connsiteY0" fmla="*/ 0 h 35718"/>
                <a:gd name="connsiteX1" fmla="*/ 187452 w 187451"/>
                <a:gd name="connsiteY1" fmla="*/ 0 h 35718"/>
                <a:gd name="connsiteX2" fmla="*/ 187452 w 187451"/>
                <a:gd name="connsiteY2" fmla="*/ 35718 h 35718"/>
                <a:gd name="connsiteX3" fmla="*/ 0 w 187451"/>
                <a:gd name="connsiteY3" fmla="*/ 35718 h 357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7451" h="35718">
                  <a:moveTo>
                    <a:pt x="0" y="0"/>
                  </a:moveTo>
                  <a:lnTo>
                    <a:pt x="187452" y="0"/>
                  </a:lnTo>
                  <a:lnTo>
                    <a:pt x="187452" y="35718"/>
                  </a:lnTo>
                  <a:lnTo>
                    <a:pt x="0" y="35718"/>
                  </a:lnTo>
                  <a:close/>
                </a:path>
              </a:pathLst>
            </a:custGeom>
            <a:solidFill>
              <a:srgbClr val="F0AB00">
                <a:alpha val="70000"/>
              </a:srgbClr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" name="Freeform 68">
              <a:extLst>
                <a:ext uri="{FF2B5EF4-FFF2-40B4-BE49-F238E27FC236}">
                  <a16:creationId xmlns:a16="http://schemas.microsoft.com/office/drawing/2014/main" id="{A177CA82-2A30-C266-A62A-7088EE8EB9B0}"/>
                </a:ext>
              </a:extLst>
            </p:cNvPr>
            <p:cNvSpPr/>
            <p:nvPr/>
          </p:nvSpPr>
          <p:spPr>
            <a:xfrm>
              <a:off x="735693" y="2682274"/>
              <a:ext cx="187451" cy="35718"/>
            </a:xfrm>
            <a:custGeom>
              <a:avLst/>
              <a:gdLst>
                <a:gd name="connsiteX0" fmla="*/ 0 w 187451"/>
                <a:gd name="connsiteY0" fmla="*/ 0 h 35718"/>
                <a:gd name="connsiteX1" fmla="*/ 187452 w 187451"/>
                <a:gd name="connsiteY1" fmla="*/ 0 h 35718"/>
                <a:gd name="connsiteX2" fmla="*/ 187452 w 187451"/>
                <a:gd name="connsiteY2" fmla="*/ 35718 h 35718"/>
                <a:gd name="connsiteX3" fmla="*/ 0 w 187451"/>
                <a:gd name="connsiteY3" fmla="*/ 35718 h 357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7451" h="35718">
                  <a:moveTo>
                    <a:pt x="0" y="0"/>
                  </a:moveTo>
                  <a:lnTo>
                    <a:pt x="187452" y="0"/>
                  </a:lnTo>
                  <a:lnTo>
                    <a:pt x="187452" y="35718"/>
                  </a:lnTo>
                  <a:lnTo>
                    <a:pt x="0" y="35718"/>
                  </a:lnTo>
                  <a:close/>
                </a:path>
              </a:pathLst>
            </a:custGeom>
            <a:solidFill>
              <a:srgbClr val="F0AB00">
                <a:alpha val="40000"/>
              </a:srgbClr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" name="Freeform 69">
              <a:extLst>
                <a:ext uri="{FF2B5EF4-FFF2-40B4-BE49-F238E27FC236}">
                  <a16:creationId xmlns:a16="http://schemas.microsoft.com/office/drawing/2014/main" id="{90D8684D-476F-0CAC-8E51-39F6F0C9D03F}"/>
                </a:ext>
              </a:extLst>
            </p:cNvPr>
            <p:cNvSpPr/>
            <p:nvPr/>
          </p:nvSpPr>
          <p:spPr>
            <a:xfrm>
              <a:off x="778476" y="2510717"/>
              <a:ext cx="74938" cy="102008"/>
            </a:xfrm>
            <a:custGeom>
              <a:avLst/>
              <a:gdLst>
                <a:gd name="connsiteX0" fmla="*/ 37484 w 74938"/>
                <a:gd name="connsiteY0" fmla="*/ 0 h 102008"/>
                <a:gd name="connsiteX1" fmla="*/ 0 w 74938"/>
                <a:gd name="connsiteY1" fmla="*/ 37454 h 102008"/>
                <a:gd name="connsiteX2" fmla="*/ 0 w 74938"/>
                <a:gd name="connsiteY2" fmla="*/ 66260 h 102008"/>
                <a:gd name="connsiteX3" fmla="*/ 9592 w 74938"/>
                <a:gd name="connsiteY3" fmla="*/ 66260 h 102008"/>
                <a:gd name="connsiteX4" fmla="*/ 41534 w 74938"/>
                <a:gd name="connsiteY4" fmla="*/ 92873 h 102008"/>
                <a:gd name="connsiteX5" fmla="*/ 48325 w 74938"/>
                <a:gd name="connsiteY5" fmla="*/ 92873 h 102008"/>
                <a:gd name="connsiteX6" fmla="*/ 48325 w 74938"/>
                <a:gd name="connsiteY6" fmla="*/ 80297 h 102008"/>
                <a:gd name="connsiteX7" fmla="*/ 41534 w 74938"/>
                <a:gd name="connsiteY7" fmla="*/ 80297 h 102008"/>
                <a:gd name="connsiteX8" fmla="*/ 21589 w 74938"/>
                <a:gd name="connsiteY8" fmla="*/ 59835 h 102008"/>
                <a:gd name="connsiteX9" fmla="*/ 21589 w 74938"/>
                <a:gd name="connsiteY9" fmla="*/ 53653 h 102008"/>
                <a:gd name="connsiteX10" fmla="*/ 12454 w 74938"/>
                <a:gd name="connsiteY10" fmla="*/ 53653 h 102008"/>
                <a:gd name="connsiteX11" fmla="*/ 12454 w 74938"/>
                <a:gd name="connsiteY11" fmla="*/ 37454 h 102008"/>
                <a:gd name="connsiteX12" fmla="*/ 38280 w 74938"/>
                <a:gd name="connsiteY12" fmla="*/ 13372 h 102008"/>
                <a:gd name="connsiteX13" fmla="*/ 62362 w 74938"/>
                <a:gd name="connsiteY13" fmla="*/ 37454 h 102008"/>
                <a:gd name="connsiteX14" fmla="*/ 62362 w 74938"/>
                <a:gd name="connsiteY14" fmla="*/ 102008 h 102008"/>
                <a:gd name="connsiteX15" fmla="*/ 74938 w 74938"/>
                <a:gd name="connsiteY15" fmla="*/ 102008 h 102008"/>
                <a:gd name="connsiteX16" fmla="*/ 74938 w 74938"/>
                <a:gd name="connsiteY16" fmla="*/ 37454 h 102008"/>
                <a:gd name="connsiteX17" fmla="*/ 37484 w 74938"/>
                <a:gd name="connsiteY17" fmla="*/ 0 h 10200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74938" h="102008">
                  <a:moveTo>
                    <a:pt x="37484" y="0"/>
                  </a:moveTo>
                  <a:cubicBezTo>
                    <a:pt x="16801" y="17"/>
                    <a:pt x="34" y="16771"/>
                    <a:pt x="0" y="37454"/>
                  </a:cubicBezTo>
                  <a:lnTo>
                    <a:pt x="0" y="66260"/>
                  </a:lnTo>
                  <a:lnTo>
                    <a:pt x="9592" y="66260"/>
                  </a:lnTo>
                  <a:cubicBezTo>
                    <a:pt x="12559" y="81596"/>
                    <a:pt x="25914" y="92723"/>
                    <a:pt x="41534" y="92873"/>
                  </a:cubicBezTo>
                  <a:lnTo>
                    <a:pt x="48325" y="92873"/>
                  </a:lnTo>
                  <a:lnTo>
                    <a:pt x="48325" y="80297"/>
                  </a:lnTo>
                  <a:lnTo>
                    <a:pt x="41534" y="80297"/>
                  </a:lnTo>
                  <a:cubicBezTo>
                    <a:pt x="30443" y="80001"/>
                    <a:pt x="21602" y="70930"/>
                    <a:pt x="21589" y="59835"/>
                  </a:cubicBezTo>
                  <a:lnTo>
                    <a:pt x="21589" y="53653"/>
                  </a:lnTo>
                  <a:lnTo>
                    <a:pt x="12454" y="53653"/>
                  </a:lnTo>
                  <a:lnTo>
                    <a:pt x="12454" y="37454"/>
                  </a:lnTo>
                  <a:cubicBezTo>
                    <a:pt x="12936" y="23672"/>
                    <a:pt x="24498" y="12890"/>
                    <a:pt x="38280" y="13372"/>
                  </a:cubicBezTo>
                  <a:cubicBezTo>
                    <a:pt x="51386" y="13830"/>
                    <a:pt x="61904" y="24348"/>
                    <a:pt x="62362" y="37454"/>
                  </a:cubicBezTo>
                  <a:lnTo>
                    <a:pt x="62362" y="102008"/>
                  </a:lnTo>
                  <a:lnTo>
                    <a:pt x="74938" y="102008"/>
                  </a:lnTo>
                  <a:lnTo>
                    <a:pt x="74938" y="37454"/>
                  </a:lnTo>
                  <a:cubicBezTo>
                    <a:pt x="74871" y="16796"/>
                    <a:pt x="58142" y="67"/>
                    <a:pt x="37484" y="0"/>
                  </a:cubicBezTo>
                  <a:close/>
                </a:path>
              </a:pathLst>
            </a:custGeom>
            <a:solidFill>
              <a:schemeClr val="tx1"/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" name="Freeform 70">
              <a:extLst>
                <a:ext uri="{FF2B5EF4-FFF2-40B4-BE49-F238E27FC236}">
                  <a16:creationId xmlns:a16="http://schemas.microsoft.com/office/drawing/2014/main" id="{F2AAFC03-D12B-D37A-3BED-5C77F453E222}"/>
                </a:ext>
              </a:extLst>
            </p:cNvPr>
            <p:cNvSpPr/>
            <p:nvPr/>
          </p:nvSpPr>
          <p:spPr>
            <a:xfrm>
              <a:off x="510696" y="2519791"/>
              <a:ext cx="458916" cy="467929"/>
            </a:xfrm>
            <a:custGeom>
              <a:avLst/>
              <a:gdLst>
                <a:gd name="connsiteX0" fmla="*/ 458916 w 458916"/>
                <a:gd name="connsiteY0" fmla="*/ 244638 h 467929"/>
                <a:gd name="connsiteX1" fmla="*/ 458916 w 458916"/>
                <a:gd name="connsiteY1" fmla="*/ 232062 h 467929"/>
                <a:gd name="connsiteX2" fmla="*/ 338394 w 458916"/>
                <a:gd name="connsiteY2" fmla="*/ 232062 h 467929"/>
                <a:gd name="connsiteX3" fmla="*/ 338394 w 458916"/>
                <a:gd name="connsiteY3" fmla="*/ 208889 h 467929"/>
                <a:gd name="connsiteX4" fmla="*/ 378588 w 458916"/>
                <a:gd name="connsiteY4" fmla="*/ 208889 h 467929"/>
                <a:gd name="connsiteX5" fmla="*/ 378588 w 458916"/>
                <a:gd name="connsiteY5" fmla="*/ 142812 h 467929"/>
                <a:gd name="connsiteX6" fmla="*/ 366012 w 458916"/>
                <a:gd name="connsiteY6" fmla="*/ 142812 h 467929"/>
                <a:gd name="connsiteX7" fmla="*/ 366012 w 458916"/>
                <a:gd name="connsiteY7" fmla="*/ 196313 h 467929"/>
                <a:gd name="connsiteX8" fmla="*/ 316074 w 458916"/>
                <a:gd name="connsiteY8" fmla="*/ 196313 h 467929"/>
                <a:gd name="connsiteX9" fmla="*/ 316074 w 458916"/>
                <a:gd name="connsiteY9" fmla="*/ 170643 h 467929"/>
                <a:gd name="connsiteX10" fmla="*/ 288364 w 458916"/>
                <a:gd name="connsiteY10" fmla="*/ 87331 h 467929"/>
                <a:gd name="connsiteX11" fmla="*/ 276428 w 458916"/>
                <a:gd name="connsiteY11" fmla="*/ 91320 h 467929"/>
                <a:gd name="connsiteX12" fmla="*/ 303498 w 458916"/>
                <a:gd name="connsiteY12" fmla="*/ 172379 h 467929"/>
                <a:gd name="connsiteX13" fmla="*/ 303498 w 458916"/>
                <a:gd name="connsiteY13" fmla="*/ 198871 h 467929"/>
                <a:gd name="connsiteX14" fmla="*/ 290130 w 458916"/>
                <a:gd name="connsiteY14" fmla="*/ 220460 h 467929"/>
                <a:gd name="connsiteX15" fmla="*/ 293175 w 458916"/>
                <a:gd name="connsiteY15" fmla="*/ 232031 h 467929"/>
                <a:gd name="connsiteX16" fmla="*/ 262725 w 458916"/>
                <a:gd name="connsiteY16" fmla="*/ 232031 h 467929"/>
                <a:gd name="connsiteX17" fmla="*/ 262725 w 458916"/>
                <a:gd name="connsiteY17" fmla="*/ 142812 h 467929"/>
                <a:gd name="connsiteX18" fmla="*/ 250149 w 458916"/>
                <a:gd name="connsiteY18" fmla="*/ 142812 h 467929"/>
                <a:gd name="connsiteX19" fmla="*/ 250149 w 458916"/>
                <a:gd name="connsiteY19" fmla="*/ 232062 h 467929"/>
                <a:gd name="connsiteX20" fmla="*/ 175789 w 458916"/>
                <a:gd name="connsiteY20" fmla="*/ 232062 h 467929"/>
                <a:gd name="connsiteX21" fmla="*/ 164218 w 458916"/>
                <a:gd name="connsiteY21" fmla="*/ 220490 h 467929"/>
                <a:gd name="connsiteX22" fmla="*/ 175789 w 458916"/>
                <a:gd name="connsiteY22" fmla="*/ 208919 h 467929"/>
                <a:gd name="connsiteX23" fmla="*/ 191015 w 458916"/>
                <a:gd name="connsiteY23" fmla="*/ 208919 h 467929"/>
                <a:gd name="connsiteX24" fmla="*/ 191015 w 458916"/>
                <a:gd name="connsiteY24" fmla="*/ 196465 h 467929"/>
                <a:gd name="connsiteX25" fmla="*/ 175789 w 458916"/>
                <a:gd name="connsiteY25" fmla="*/ 196465 h 467929"/>
                <a:gd name="connsiteX26" fmla="*/ 151642 w 458916"/>
                <a:gd name="connsiteY26" fmla="*/ 220612 h 467929"/>
                <a:gd name="connsiteX27" fmla="*/ 154687 w 458916"/>
                <a:gd name="connsiteY27" fmla="*/ 232183 h 467929"/>
                <a:gd name="connsiteX28" fmla="*/ 128622 w 458916"/>
                <a:gd name="connsiteY28" fmla="*/ 232183 h 467929"/>
                <a:gd name="connsiteX29" fmla="*/ 128622 w 458916"/>
                <a:gd name="connsiteY29" fmla="*/ 196465 h 467929"/>
                <a:gd name="connsiteX30" fmla="*/ 93817 w 458916"/>
                <a:gd name="connsiteY30" fmla="*/ 196465 h 467929"/>
                <a:gd name="connsiteX31" fmla="*/ 98080 w 458916"/>
                <a:gd name="connsiteY31" fmla="*/ 164432 h 467929"/>
                <a:gd name="connsiteX32" fmla="*/ 191136 w 458916"/>
                <a:gd name="connsiteY32" fmla="*/ 164432 h 467929"/>
                <a:gd name="connsiteX33" fmla="*/ 191136 w 458916"/>
                <a:gd name="connsiteY33" fmla="*/ 0 h 467929"/>
                <a:gd name="connsiteX34" fmla="*/ 0 w 458916"/>
                <a:gd name="connsiteY34" fmla="*/ 0 h 467929"/>
                <a:gd name="connsiteX35" fmla="*/ 0 w 458916"/>
                <a:gd name="connsiteY35" fmla="*/ 164432 h 467929"/>
                <a:gd name="connsiteX36" fmla="*/ 51339 w 458916"/>
                <a:gd name="connsiteY36" fmla="*/ 164432 h 467929"/>
                <a:gd name="connsiteX37" fmla="*/ 47624 w 458916"/>
                <a:gd name="connsiteY37" fmla="*/ 196465 h 467929"/>
                <a:gd name="connsiteX38" fmla="*/ 0 w 458916"/>
                <a:gd name="connsiteY38" fmla="*/ 196465 h 467929"/>
                <a:gd name="connsiteX39" fmla="*/ 0 w 458916"/>
                <a:gd name="connsiteY39" fmla="*/ 209041 h 467929"/>
                <a:gd name="connsiteX40" fmla="*/ 116046 w 458916"/>
                <a:gd name="connsiteY40" fmla="*/ 209041 h 467929"/>
                <a:gd name="connsiteX41" fmla="*/ 116046 w 458916"/>
                <a:gd name="connsiteY41" fmla="*/ 232183 h 467929"/>
                <a:gd name="connsiteX42" fmla="*/ 0 w 458916"/>
                <a:gd name="connsiteY42" fmla="*/ 232183 h 467929"/>
                <a:gd name="connsiteX43" fmla="*/ 0 w 458916"/>
                <a:gd name="connsiteY43" fmla="*/ 467929 h 467929"/>
                <a:gd name="connsiteX44" fmla="*/ 128622 w 458916"/>
                <a:gd name="connsiteY44" fmla="*/ 467929 h 467929"/>
                <a:gd name="connsiteX45" fmla="*/ 128622 w 458916"/>
                <a:gd name="connsiteY45" fmla="*/ 280325 h 467929"/>
                <a:gd name="connsiteX46" fmla="*/ 190284 w 458916"/>
                <a:gd name="connsiteY46" fmla="*/ 280325 h 467929"/>
                <a:gd name="connsiteX47" fmla="*/ 170704 w 458916"/>
                <a:gd name="connsiteY47" fmla="*/ 322042 h 467929"/>
                <a:gd name="connsiteX48" fmla="*/ 186995 w 458916"/>
                <a:gd name="connsiteY48" fmla="*/ 423533 h 467929"/>
                <a:gd name="connsiteX49" fmla="*/ 139949 w 458916"/>
                <a:gd name="connsiteY49" fmla="*/ 467808 h 467929"/>
                <a:gd name="connsiteX50" fmla="*/ 235746 w 458916"/>
                <a:gd name="connsiteY50" fmla="*/ 467808 h 467929"/>
                <a:gd name="connsiteX51" fmla="*/ 235746 w 458916"/>
                <a:gd name="connsiteY51" fmla="*/ 455293 h 467929"/>
                <a:gd name="connsiteX52" fmla="*/ 171800 w 458916"/>
                <a:gd name="connsiteY52" fmla="*/ 455293 h 467929"/>
                <a:gd name="connsiteX53" fmla="*/ 196374 w 458916"/>
                <a:gd name="connsiteY53" fmla="*/ 432181 h 467929"/>
                <a:gd name="connsiteX54" fmla="*/ 235959 w 458916"/>
                <a:gd name="connsiteY54" fmla="*/ 432181 h 467929"/>
                <a:gd name="connsiteX55" fmla="*/ 235959 w 458916"/>
                <a:gd name="connsiteY55" fmla="*/ 369606 h 467929"/>
                <a:gd name="connsiteX56" fmla="*/ 274509 w 458916"/>
                <a:gd name="connsiteY56" fmla="*/ 369606 h 467929"/>
                <a:gd name="connsiteX57" fmla="*/ 283218 w 458916"/>
                <a:gd name="connsiteY57" fmla="*/ 423533 h 467929"/>
                <a:gd name="connsiteX58" fmla="*/ 236142 w 458916"/>
                <a:gd name="connsiteY58" fmla="*/ 467808 h 467929"/>
                <a:gd name="connsiteX59" fmla="*/ 325270 w 458916"/>
                <a:gd name="connsiteY59" fmla="*/ 467808 h 467929"/>
                <a:gd name="connsiteX60" fmla="*/ 325270 w 458916"/>
                <a:gd name="connsiteY60" fmla="*/ 455293 h 467929"/>
                <a:gd name="connsiteX61" fmla="*/ 267628 w 458916"/>
                <a:gd name="connsiteY61" fmla="*/ 455293 h 467929"/>
                <a:gd name="connsiteX62" fmla="*/ 292201 w 458916"/>
                <a:gd name="connsiteY62" fmla="*/ 432181 h 467929"/>
                <a:gd name="connsiteX63" fmla="*/ 325026 w 458916"/>
                <a:gd name="connsiteY63" fmla="*/ 432181 h 467929"/>
                <a:gd name="connsiteX64" fmla="*/ 325026 w 458916"/>
                <a:gd name="connsiteY64" fmla="*/ 419574 h 467929"/>
                <a:gd name="connsiteX65" fmla="*/ 295063 w 458916"/>
                <a:gd name="connsiteY65" fmla="*/ 419574 h 467929"/>
                <a:gd name="connsiteX66" fmla="*/ 279260 w 458916"/>
                <a:gd name="connsiteY66" fmla="*/ 321616 h 467929"/>
                <a:gd name="connsiteX67" fmla="*/ 320946 w 458916"/>
                <a:gd name="connsiteY67" fmla="*/ 280386 h 467929"/>
                <a:gd name="connsiteX68" fmla="*/ 410622 w 458916"/>
                <a:gd name="connsiteY68" fmla="*/ 280386 h 467929"/>
                <a:gd name="connsiteX69" fmla="*/ 410622 w 458916"/>
                <a:gd name="connsiteY69" fmla="*/ 467869 h 467929"/>
                <a:gd name="connsiteX70" fmla="*/ 423198 w 458916"/>
                <a:gd name="connsiteY70" fmla="*/ 467869 h 467929"/>
                <a:gd name="connsiteX71" fmla="*/ 423198 w 458916"/>
                <a:gd name="connsiteY71" fmla="*/ 280356 h 467929"/>
                <a:gd name="connsiteX72" fmla="*/ 446340 w 458916"/>
                <a:gd name="connsiteY72" fmla="*/ 280356 h 467929"/>
                <a:gd name="connsiteX73" fmla="*/ 446340 w 458916"/>
                <a:gd name="connsiteY73" fmla="*/ 467808 h 467929"/>
                <a:gd name="connsiteX74" fmla="*/ 458916 w 458916"/>
                <a:gd name="connsiteY74" fmla="*/ 467808 h 467929"/>
                <a:gd name="connsiteX75" fmla="*/ 458916 w 458916"/>
                <a:gd name="connsiteY75" fmla="*/ 267749 h 467929"/>
                <a:gd name="connsiteX76" fmla="*/ 12576 w 458916"/>
                <a:gd name="connsiteY76" fmla="*/ 267749 h 467929"/>
                <a:gd name="connsiteX77" fmla="*/ 12576 w 458916"/>
                <a:gd name="connsiteY77" fmla="*/ 244638 h 467929"/>
                <a:gd name="connsiteX78" fmla="*/ 235716 w 458916"/>
                <a:gd name="connsiteY78" fmla="*/ 333918 h 467929"/>
                <a:gd name="connsiteX79" fmla="*/ 268511 w 458916"/>
                <a:gd name="connsiteY79" fmla="*/ 333918 h 467929"/>
                <a:gd name="connsiteX80" fmla="*/ 272256 w 458916"/>
                <a:gd name="connsiteY80" fmla="*/ 357030 h 467929"/>
                <a:gd name="connsiteX81" fmla="*/ 235716 w 458916"/>
                <a:gd name="connsiteY81" fmla="*/ 357030 h 467929"/>
                <a:gd name="connsiteX82" fmla="*/ 286263 w 458916"/>
                <a:gd name="connsiteY82" fmla="*/ 280325 h 467929"/>
                <a:gd name="connsiteX83" fmla="*/ 266684 w 458916"/>
                <a:gd name="connsiteY83" fmla="*/ 321311 h 467929"/>
                <a:gd name="connsiteX84" fmla="*/ 223292 w 458916"/>
                <a:gd name="connsiteY84" fmla="*/ 321311 h 467929"/>
                <a:gd name="connsiteX85" fmla="*/ 223292 w 458916"/>
                <a:gd name="connsiteY85" fmla="*/ 419483 h 467929"/>
                <a:gd name="connsiteX86" fmla="*/ 199114 w 458916"/>
                <a:gd name="connsiteY86" fmla="*/ 419483 h 467929"/>
                <a:gd name="connsiteX87" fmla="*/ 183311 w 458916"/>
                <a:gd name="connsiteY87" fmla="*/ 321525 h 467929"/>
                <a:gd name="connsiteX88" fmla="*/ 224997 w 458916"/>
                <a:gd name="connsiteY88" fmla="*/ 280295 h 467929"/>
                <a:gd name="connsiteX89" fmla="*/ 12576 w 458916"/>
                <a:gd name="connsiteY89" fmla="*/ 455293 h 467929"/>
                <a:gd name="connsiteX90" fmla="*/ 12576 w 458916"/>
                <a:gd name="connsiteY90" fmla="*/ 280325 h 467929"/>
                <a:gd name="connsiteX91" fmla="*/ 116107 w 458916"/>
                <a:gd name="connsiteY91" fmla="*/ 280325 h 467929"/>
                <a:gd name="connsiteX92" fmla="*/ 116107 w 458916"/>
                <a:gd name="connsiteY92" fmla="*/ 455293 h 467929"/>
                <a:gd name="connsiteX93" fmla="*/ 97289 w 458916"/>
                <a:gd name="connsiteY93" fmla="*/ 75029 h 467929"/>
                <a:gd name="connsiteX94" fmla="*/ 81120 w 458916"/>
                <a:gd name="connsiteY94" fmla="*/ 196465 h 467929"/>
                <a:gd name="connsiteX95" fmla="*/ 60261 w 458916"/>
                <a:gd name="connsiteY95" fmla="*/ 196465 h 467929"/>
                <a:gd name="connsiteX96" fmla="*/ 74360 w 458916"/>
                <a:gd name="connsiteY96" fmla="*/ 75151 h 467929"/>
                <a:gd name="connsiteX97" fmla="*/ 12576 w 458916"/>
                <a:gd name="connsiteY97" fmla="*/ 12546 h 467929"/>
                <a:gd name="connsiteX98" fmla="*/ 178560 w 458916"/>
                <a:gd name="connsiteY98" fmla="*/ 12546 h 467929"/>
                <a:gd name="connsiteX99" fmla="*/ 178560 w 458916"/>
                <a:gd name="connsiteY99" fmla="*/ 151703 h 467929"/>
                <a:gd name="connsiteX100" fmla="*/ 99755 w 458916"/>
                <a:gd name="connsiteY100" fmla="*/ 151703 h 467929"/>
                <a:gd name="connsiteX101" fmla="*/ 111661 w 458916"/>
                <a:gd name="connsiteY101" fmla="*/ 62484 h 467929"/>
                <a:gd name="connsiteX102" fmla="*/ 63154 w 458916"/>
                <a:gd name="connsiteY102" fmla="*/ 62484 h 467929"/>
                <a:gd name="connsiteX103" fmla="*/ 52770 w 458916"/>
                <a:gd name="connsiteY103" fmla="*/ 151703 h 467929"/>
                <a:gd name="connsiteX104" fmla="*/ 12576 w 458916"/>
                <a:gd name="connsiteY104" fmla="*/ 151703 h 467929"/>
                <a:gd name="connsiteX105" fmla="*/ 302706 w 458916"/>
                <a:gd name="connsiteY105" fmla="*/ 220490 h 467929"/>
                <a:gd name="connsiteX106" fmla="*/ 314277 w 458916"/>
                <a:gd name="connsiteY106" fmla="*/ 208919 h 467929"/>
                <a:gd name="connsiteX107" fmla="*/ 325818 w 458916"/>
                <a:gd name="connsiteY107" fmla="*/ 208919 h 467929"/>
                <a:gd name="connsiteX108" fmla="*/ 325818 w 458916"/>
                <a:gd name="connsiteY108" fmla="*/ 232062 h 467929"/>
                <a:gd name="connsiteX109" fmla="*/ 314156 w 458916"/>
                <a:gd name="connsiteY109" fmla="*/ 232062 h 467929"/>
                <a:gd name="connsiteX110" fmla="*/ 302706 w 458916"/>
                <a:gd name="connsiteY110" fmla="*/ 220490 h 4679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</a:cxnLst>
              <a:rect l="l" t="t" r="r" b="b"/>
              <a:pathLst>
                <a:path w="458916" h="467929">
                  <a:moveTo>
                    <a:pt x="458916" y="244638"/>
                  </a:moveTo>
                  <a:lnTo>
                    <a:pt x="458916" y="232062"/>
                  </a:lnTo>
                  <a:lnTo>
                    <a:pt x="338394" y="232062"/>
                  </a:lnTo>
                  <a:lnTo>
                    <a:pt x="338394" y="208889"/>
                  </a:lnTo>
                  <a:lnTo>
                    <a:pt x="378588" y="208889"/>
                  </a:lnTo>
                  <a:lnTo>
                    <a:pt x="378588" y="142812"/>
                  </a:lnTo>
                  <a:lnTo>
                    <a:pt x="366012" y="142812"/>
                  </a:lnTo>
                  <a:lnTo>
                    <a:pt x="366012" y="196313"/>
                  </a:lnTo>
                  <a:lnTo>
                    <a:pt x="316074" y="196313"/>
                  </a:lnTo>
                  <a:lnTo>
                    <a:pt x="316074" y="170643"/>
                  </a:lnTo>
                  <a:lnTo>
                    <a:pt x="288364" y="87331"/>
                  </a:lnTo>
                  <a:lnTo>
                    <a:pt x="276428" y="91320"/>
                  </a:lnTo>
                  <a:lnTo>
                    <a:pt x="303498" y="172379"/>
                  </a:lnTo>
                  <a:lnTo>
                    <a:pt x="303498" y="198871"/>
                  </a:lnTo>
                  <a:cubicBezTo>
                    <a:pt x="295313" y="202954"/>
                    <a:pt x="290137" y="211313"/>
                    <a:pt x="290130" y="220460"/>
                  </a:cubicBezTo>
                  <a:cubicBezTo>
                    <a:pt x="290147" y="224513"/>
                    <a:pt x="291195" y="228495"/>
                    <a:pt x="293175" y="232031"/>
                  </a:cubicBezTo>
                  <a:lnTo>
                    <a:pt x="262725" y="232031"/>
                  </a:lnTo>
                  <a:lnTo>
                    <a:pt x="262725" y="142812"/>
                  </a:lnTo>
                  <a:lnTo>
                    <a:pt x="250149" y="142812"/>
                  </a:lnTo>
                  <a:lnTo>
                    <a:pt x="250149" y="232062"/>
                  </a:lnTo>
                  <a:lnTo>
                    <a:pt x="175789" y="232062"/>
                  </a:lnTo>
                  <a:cubicBezTo>
                    <a:pt x="169399" y="232062"/>
                    <a:pt x="164218" y="226881"/>
                    <a:pt x="164218" y="220490"/>
                  </a:cubicBezTo>
                  <a:cubicBezTo>
                    <a:pt x="164218" y="214100"/>
                    <a:pt x="169399" y="208919"/>
                    <a:pt x="175789" y="208919"/>
                  </a:cubicBezTo>
                  <a:lnTo>
                    <a:pt x="191015" y="208919"/>
                  </a:lnTo>
                  <a:lnTo>
                    <a:pt x="191015" y="196465"/>
                  </a:lnTo>
                  <a:lnTo>
                    <a:pt x="175789" y="196465"/>
                  </a:lnTo>
                  <a:cubicBezTo>
                    <a:pt x="162460" y="196482"/>
                    <a:pt x="151659" y="207283"/>
                    <a:pt x="151642" y="220612"/>
                  </a:cubicBezTo>
                  <a:cubicBezTo>
                    <a:pt x="151660" y="224665"/>
                    <a:pt x="152708" y="228647"/>
                    <a:pt x="154687" y="232183"/>
                  </a:cubicBezTo>
                  <a:lnTo>
                    <a:pt x="128622" y="232183"/>
                  </a:lnTo>
                  <a:lnTo>
                    <a:pt x="128622" y="196465"/>
                  </a:lnTo>
                  <a:lnTo>
                    <a:pt x="93817" y="196465"/>
                  </a:lnTo>
                  <a:lnTo>
                    <a:pt x="98080" y="164432"/>
                  </a:lnTo>
                  <a:lnTo>
                    <a:pt x="191136" y="164432"/>
                  </a:lnTo>
                  <a:lnTo>
                    <a:pt x="191136" y="0"/>
                  </a:lnTo>
                  <a:lnTo>
                    <a:pt x="0" y="0"/>
                  </a:lnTo>
                  <a:lnTo>
                    <a:pt x="0" y="164432"/>
                  </a:lnTo>
                  <a:lnTo>
                    <a:pt x="51339" y="164432"/>
                  </a:lnTo>
                  <a:lnTo>
                    <a:pt x="47624" y="196465"/>
                  </a:lnTo>
                  <a:lnTo>
                    <a:pt x="0" y="196465"/>
                  </a:lnTo>
                  <a:lnTo>
                    <a:pt x="0" y="209041"/>
                  </a:lnTo>
                  <a:lnTo>
                    <a:pt x="116046" y="209041"/>
                  </a:lnTo>
                  <a:lnTo>
                    <a:pt x="116046" y="232183"/>
                  </a:lnTo>
                  <a:lnTo>
                    <a:pt x="0" y="232183"/>
                  </a:lnTo>
                  <a:lnTo>
                    <a:pt x="0" y="467929"/>
                  </a:lnTo>
                  <a:lnTo>
                    <a:pt x="128622" y="467929"/>
                  </a:lnTo>
                  <a:lnTo>
                    <a:pt x="128622" y="280325"/>
                  </a:lnTo>
                  <a:lnTo>
                    <a:pt x="190284" y="280325"/>
                  </a:lnTo>
                  <a:cubicBezTo>
                    <a:pt x="177890" y="290637"/>
                    <a:pt x="170717" y="305920"/>
                    <a:pt x="170704" y="322042"/>
                  </a:cubicBezTo>
                  <a:lnTo>
                    <a:pt x="186995" y="423533"/>
                  </a:lnTo>
                  <a:lnTo>
                    <a:pt x="139949" y="467808"/>
                  </a:lnTo>
                  <a:lnTo>
                    <a:pt x="235746" y="467808"/>
                  </a:lnTo>
                  <a:lnTo>
                    <a:pt x="235746" y="455293"/>
                  </a:lnTo>
                  <a:lnTo>
                    <a:pt x="171800" y="455293"/>
                  </a:lnTo>
                  <a:lnTo>
                    <a:pt x="196374" y="432181"/>
                  </a:lnTo>
                  <a:lnTo>
                    <a:pt x="235959" y="432181"/>
                  </a:lnTo>
                  <a:lnTo>
                    <a:pt x="235959" y="369606"/>
                  </a:lnTo>
                  <a:lnTo>
                    <a:pt x="274509" y="369606"/>
                  </a:lnTo>
                  <a:lnTo>
                    <a:pt x="283218" y="423533"/>
                  </a:lnTo>
                  <a:lnTo>
                    <a:pt x="236142" y="467808"/>
                  </a:lnTo>
                  <a:lnTo>
                    <a:pt x="325270" y="467808"/>
                  </a:lnTo>
                  <a:lnTo>
                    <a:pt x="325270" y="455293"/>
                  </a:lnTo>
                  <a:lnTo>
                    <a:pt x="267628" y="455293"/>
                  </a:lnTo>
                  <a:lnTo>
                    <a:pt x="292201" y="432181"/>
                  </a:lnTo>
                  <a:lnTo>
                    <a:pt x="325026" y="432181"/>
                  </a:lnTo>
                  <a:lnTo>
                    <a:pt x="325026" y="419574"/>
                  </a:lnTo>
                  <a:lnTo>
                    <a:pt x="295063" y="419574"/>
                  </a:lnTo>
                  <a:lnTo>
                    <a:pt x="279260" y="321616"/>
                  </a:lnTo>
                  <a:cubicBezTo>
                    <a:pt x="279591" y="298806"/>
                    <a:pt x="298134" y="280467"/>
                    <a:pt x="320946" y="280386"/>
                  </a:cubicBezTo>
                  <a:lnTo>
                    <a:pt x="410622" y="280386"/>
                  </a:lnTo>
                  <a:lnTo>
                    <a:pt x="410622" y="467869"/>
                  </a:lnTo>
                  <a:lnTo>
                    <a:pt x="423198" y="467869"/>
                  </a:lnTo>
                  <a:lnTo>
                    <a:pt x="423198" y="280356"/>
                  </a:lnTo>
                  <a:lnTo>
                    <a:pt x="446340" y="280356"/>
                  </a:lnTo>
                  <a:lnTo>
                    <a:pt x="446340" y="467808"/>
                  </a:lnTo>
                  <a:lnTo>
                    <a:pt x="458916" y="467808"/>
                  </a:lnTo>
                  <a:lnTo>
                    <a:pt x="458916" y="267749"/>
                  </a:lnTo>
                  <a:lnTo>
                    <a:pt x="12576" y="267749"/>
                  </a:lnTo>
                  <a:lnTo>
                    <a:pt x="12576" y="244638"/>
                  </a:lnTo>
                  <a:close/>
                  <a:moveTo>
                    <a:pt x="235716" y="333918"/>
                  </a:moveTo>
                  <a:lnTo>
                    <a:pt x="268511" y="333918"/>
                  </a:lnTo>
                  <a:lnTo>
                    <a:pt x="272256" y="357030"/>
                  </a:lnTo>
                  <a:lnTo>
                    <a:pt x="235716" y="357030"/>
                  </a:lnTo>
                  <a:close/>
                  <a:moveTo>
                    <a:pt x="286263" y="280325"/>
                  </a:moveTo>
                  <a:cubicBezTo>
                    <a:pt x="274054" y="290464"/>
                    <a:pt x="266899" y="305443"/>
                    <a:pt x="266684" y="321311"/>
                  </a:cubicBezTo>
                  <a:lnTo>
                    <a:pt x="223292" y="321311"/>
                  </a:lnTo>
                  <a:lnTo>
                    <a:pt x="223292" y="419483"/>
                  </a:lnTo>
                  <a:lnTo>
                    <a:pt x="199114" y="419483"/>
                  </a:lnTo>
                  <a:lnTo>
                    <a:pt x="183311" y="321525"/>
                  </a:lnTo>
                  <a:cubicBezTo>
                    <a:pt x="183626" y="298708"/>
                    <a:pt x="202179" y="280359"/>
                    <a:pt x="224997" y="280295"/>
                  </a:cubicBezTo>
                  <a:close/>
                  <a:moveTo>
                    <a:pt x="12576" y="455293"/>
                  </a:moveTo>
                  <a:lnTo>
                    <a:pt x="12576" y="280325"/>
                  </a:lnTo>
                  <a:lnTo>
                    <a:pt x="116107" y="280325"/>
                  </a:lnTo>
                  <a:lnTo>
                    <a:pt x="116107" y="455293"/>
                  </a:lnTo>
                  <a:close/>
                  <a:moveTo>
                    <a:pt x="97289" y="75029"/>
                  </a:moveTo>
                  <a:lnTo>
                    <a:pt x="81120" y="196465"/>
                  </a:lnTo>
                  <a:lnTo>
                    <a:pt x="60261" y="196465"/>
                  </a:lnTo>
                  <a:lnTo>
                    <a:pt x="74360" y="75151"/>
                  </a:lnTo>
                  <a:close/>
                  <a:moveTo>
                    <a:pt x="12576" y="12546"/>
                  </a:moveTo>
                  <a:lnTo>
                    <a:pt x="178560" y="12546"/>
                  </a:lnTo>
                  <a:lnTo>
                    <a:pt x="178560" y="151703"/>
                  </a:lnTo>
                  <a:lnTo>
                    <a:pt x="99755" y="151703"/>
                  </a:lnTo>
                  <a:lnTo>
                    <a:pt x="111661" y="62484"/>
                  </a:lnTo>
                  <a:lnTo>
                    <a:pt x="63154" y="62484"/>
                  </a:lnTo>
                  <a:lnTo>
                    <a:pt x="52770" y="151703"/>
                  </a:lnTo>
                  <a:lnTo>
                    <a:pt x="12576" y="151703"/>
                  </a:lnTo>
                  <a:close/>
                  <a:moveTo>
                    <a:pt x="302706" y="220490"/>
                  </a:moveTo>
                  <a:cubicBezTo>
                    <a:pt x="302706" y="214100"/>
                    <a:pt x="307887" y="208919"/>
                    <a:pt x="314277" y="208919"/>
                  </a:cubicBezTo>
                  <a:lnTo>
                    <a:pt x="325818" y="208919"/>
                  </a:lnTo>
                  <a:lnTo>
                    <a:pt x="325818" y="232062"/>
                  </a:lnTo>
                  <a:lnTo>
                    <a:pt x="314156" y="232062"/>
                  </a:lnTo>
                  <a:cubicBezTo>
                    <a:pt x="307820" y="231978"/>
                    <a:pt x="302722" y="226827"/>
                    <a:pt x="302706" y="220490"/>
                  </a:cubicBezTo>
                  <a:close/>
                </a:path>
              </a:pathLst>
            </a:custGeom>
            <a:solidFill>
              <a:schemeClr val="tx1"/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" name="Freeform 71">
              <a:extLst>
                <a:ext uri="{FF2B5EF4-FFF2-40B4-BE49-F238E27FC236}">
                  <a16:creationId xmlns:a16="http://schemas.microsoft.com/office/drawing/2014/main" id="{D9346680-8FB3-4FD9-E641-66715987435C}"/>
                </a:ext>
              </a:extLst>
            </p:cNvPr>
            <p:cNvSpPr/>
            <p:nvPr/>
          </p:nvSpPr>
          <p:spPr>
            <a:xfrm>
              <a:off x="832069" y="2814337"/>
              <a:ext cx="75151" cy="173262"/>
            </a:xfrm>
            <a:custGeom>
              <a:avLst/>
              <a:gdLst>
                <a:gd name="connsiteX0" fmla="*/ 62575 w 75151"/>
                <a:gd name="connsiteY0" fmla="*/ 0 h 173262"/>
                <a:gd name="connsiteX1" fmla="*/ 62575 w 75151"/>
                <a:gd name="connsiteY1" fmla="*/ 1827 h 173262"/>
                <a:gd name="connsiteX2" fmla="*/ 37515 w 75151"/>
                <a:gd name="connsiteY2" fmla="*/ 26888 h 173262"/>
                <a:gd name="connsiteX3" fmla="*/ 0 w 75151"/>
                <a:gd name="connsiteY3" fmla="*/ 26888 h 173262"/>
                <a:gd name="connsiteX4" fmla="*/ 0 w 75151"/>
                <a:gd name="connsiteY4" fmla="*/ 39464 h 173262"/>
                <a:gd name="connsiteX5" fmla="*/ 35688 w 75151"/>
                <a:gd name="connsiteY5" fmla="*/ 39464 h 173262"/>
                <a:gd name="connsiteX6" fmla="*/ 35688 w 75151"/>
                <a:gd name="connsiteY6" fmla="*/ 62484 h 173262"/>
                <a:gd name="connsiteX7" fmla="*/ 0 w 75151"/>
                <a:gd name="connsiteY7" fmla="*/ 62484 h 173262"/>
                <a:gd name="connsiteX8" fmla="*/ 0 w 75151"/>
                <a:gd name="connsiteY8" fmla="*/ 75060 h 173262"/>
                <a:gd name="connsiteX9" fmla="*/ 35688 w 75151"/>
                <a:gd name="connsiteY9" fmla="*/ 75060 h 173262"/>
                <a:gd name="connsiteX10" fmla="*/ 35688 w 75151"/>
                <a:gd name="connsiteY10" fmla="*/ 173262 h 173262"/>
                <a:gd name="connsiteX11" fmla="*/ 48264 w 75151"/>
                <a:gd name="connsiteY11" fmla="*/ 173262 h 173262"/>
                <a:gd name="connsiteX12" fmla="*/ 48264 w 75151"/>
                <a:gd name="connsiteY12" fmla="*/ 37850 h 173262"/>
                <a:gd name="connsiteX13" fmla="*/ 75151 w 75151"/>
                <a:gd name="connsiteY13" fmla="*/ 1827 h 173262"/>
                <a:gd name="connsiteX14" fmla="*/ 75151 w 75151"/>
                <a:gd name="connsiteY14" fmla="*/ 0 h 1732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75151" h="173262">
                  <a:moveTo>
                    <a:pt x="62575" y="0"/>
                  </a:moveTo>
                  <a:lnTo>
                    <a:pt x="62575" y="1827"/>
                  </a:lnTo>
                  <a:cubicBezTo>
                    <a:pt x="62559" y="15661"/>
                    <a:pt x="51348" y="26871"/>
                    <a:pt x="37515" y="26888"/>
                  </a:cubicBezTo>
                  <a:lnTo>
                    <a:pt x="0" y="26888"/>
                  </a:lnTo>
                  <a:lnTo>
                    <a:pt x="0" y="39464"/>
                  </a:lnTo>
                  <a:lnTo>
                    <a:pt x="35688" y="39464"/>
                  </a:lnTo>
                  <a:lnTo>
                    <a:pt x="35688" y="62484"/>
                  </a:lnTo>
                  <a:lnTo>
                    <a:pt x="0" y="62484"/>
                  </a:lnTo>
                  <a:lnTo>
                    <a:pt x="0" y="75060"/>
                  </a:lnTo>
                  <a:lnTo>
                    <a:pt x="35688" y="75060"/>
                  </a:lnTo>
                  <a:lnTo>
                    <a:pt x="35688" y="173262"/>
                  </a:lnTo>
                  <a:lnTo>
                    <a:pt x="48264" y="173262"/>
                  </a:lnTo>
                  <a:lnTo>
                    <a:pt x="48264" y="37850"/>
                  </a:lnTo>
                  <a:cubicBezTo>
                    <a:pt x="64200" y="33101"/>
                    <a:pt x="75131" y="18456"/>
                    <a:pt x="75151" y="1827"/>
                  </a:cubicBezTo>
                  <a:lnTo>
                    <a:pt x="75151" y="0"/>
                  </a:lnTo>
                  <a:close/>
                </a:path>
              </a:pathLst>
            </a:custGeom>
            <a:solidFill>
              <a:srgbClr val="FFFFFF"/>
            </a:solidFill>
            <a:ln w="30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73" name="TextBox 72">
            <a:extLst>
              <a:ext uri="{FF2B5EF4-FFF2-40B4-BE49-F238E27FC236}">
                <a16:creationId xmlns:a16="http://schemas.microsoft.com/office/drawing/2014/main" id="{2E2E5F13-E0E3-1C8B-C68F-32BB26F72EC6}"/>
              </a:ext>
            </a:extLst>
          </p:cNvPr>
          <p:cNvSpPr txBox="1"/>
          <p:nvPr/>
        </p:nvSpPr>
        <p:spPr>
          <a:xfrm>
            <a:off x="6244360" y="2579296"/>
            <a:ext cx="2411412" cy="30777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chemeClr val="accent1"/>
              </a:buClr>
              <a:buSzPct val="100000"/>
              <a:buFont typeface="Wingdings" pitchFamily="2" charset="2"/>
              <a:buChar char="§"/>
            </a:pPr>
            <a:r>
              <a:rPr lang="en-US" sz="1600" dirty="0"/>
              <a:t>Learn how we name our offerings, review the naming process, and guidelines</a:t>
            </a:r>
          </a:p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chemeClr val="accent1"/>
              </a:buClr>
              <a:buSzPct val="100000"/>
              <a:buFont typeface="Wingdings" pitchFamily="2" charset="2"/>
              <a:buChar char="§"/>
            </a:pPr>
            <a:r>
              <a:rPr lang="en-US" sz="1600" dirty="0"/>
              <a:t>Request a name</a:t>
            </a:r>
          </a:p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chemeClr val="accent1"/>
              </a:buClr>
              <a:buSzPct val="100000"/>
              <a:buFont typeface="Wingdings" pitchFamily="2" charset="2"/>
              <a:buChar char="§"/>
            </a:pPr>
            <a:r>
              <a:rPr lang="en-US" sz="1600" dirty="0"/>
              <a:t>Search for approved names in real time </a:t>
            </a:r>
          </a:p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chemeClr val="accent1"/>
              </a:buClr>
              <a:buSzPct val="100000"/>
              <a:buFont typeface="Wingdings" pitchFamily="2" charset="2"/>
              <a:buChar char="§"/>
            </a:pPr>
            <a:r>
              <a:rPr lang="en-US" sz="1600" dirty="0"/>
              <a:t>Copy this link and paste it in a browser:</a:t>
            </a:r>
            <a:r>
              <a:rPr lang="en-US" sz="1600" kern="0" dirty="0">
                <a:ea typeface="Arial Unicode MS" pitchFamily="34" charset="-128"/>
              </a:rPr>
              <a:t> </a:t>
            </a:r>
            <a:r>
              <a:rPr lang="en-US" sz="1600" kern="0" dirty="0">
                <a:ea typeface="Arial Unicode MS" pitchFamily="34" charset="-128"/>
                <a:cs typeface="Arial Unicode MS" pitchFamily="34" charset="-128"/>
                <a:hlinkClick r:id="rId7"/>
              </a:rPr>
              <a:t>https://www.sapbrandtools.com/naming-center/</a:t>
            </a: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 </a:t>
            </a:r>
          </a:p>
        </p:txBody>
      </p:sp>
      <p:sp>
        <p:nvSpPr>
          <p:cNvPr id="74" name="TextBox 73">
            <a:extLst>
              <a:ext uri="{FF2B5EF4-FFF2-40B4-BE49-F238E27FC236}">
                <a16:creationId xmlns:a16="http://schemas.microsoft.com/office/drawing/2014/main" id="{873A20C8-2175-A049-7425-54CCAFF508BB}"/>
              </a:ext>
            </a:extLst>
          </p:cNvPr>
          <p:cNvSpPr txBox="1"/>
          <p:nvPr/>
        </p:nvSpPr>
        <p:spPr>
          <a:xfrm>
            <a:off x="7006395" y="2079981"/>
            <a:ext cx="145873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 dirty="0">
                <a:ea typeface="Arial Unicode MS" pitchFamily="34" charset="-128"/>
                <a:cs typeface="Arial Unicode MS" pitchFamily="34" charset="-128"/>
              </a:rPr>
              <a:t>Naming Center</a:t>
            </a:r>
          </a:p>
        </p:txBody>
      </p:sp>
      <p:grpSp>
        <p:nvGrpSpPr>
          <p:cNvPr id="75" name="Group 74">
            <a:extLst>
              <a:ext uri="{FF2B5EF4-FFF2-40B4-BE49-F238E27FC236}">
                <a16:creationId xmlns:a16="http://schemas.microsoft.com/office/drawing/2014/main" id="{039E8F62-2647-B3F6-C989-229234F2B889}"/>
              </a:ext>
            </a:extLst>
          </p:cNvPr>
          <p:cNvGrpSpPr/>
          <p:nvPr/>
        </p:nvGrpSpPr>
        <p:grpSpPr>
          <a:xfrm>
            <a:off x="6348662" y="1861229"/>
            <a:ext cx="410154" cy="568405"/>
            <a:chOff x="6348662" y="2369479"/>
            <a:chExt cx="410154" cy="568405"/>
          </a:xfrm>
        </p:grpSpPr>
        <p:sp>
          <p:nvSpPr>
            <p:cNvPr id="76" name="Freeform 75">
              <a:extLst>
                <a:ext uri="{FF2B5EF4-FFF2-40B4-BE49-F238E27FC236}">
                  <a16:creationId xmlns:a16="http://schemas.microsoft.com/office/drawing/2014/main" id="{93CFE0B4-B64E-81B6-5C39-5DC809C998B0}"/>
                </a:ext>
              </a:extLst>
            </p:cNvPr>
            <p:cNvSpPr/>
            <p:nvPr/>
          </p:nvSpPr>
          <p:spPr>
            <a:xfrm>
              <a:off x="6398115" y="2651054"/>
              <a:ext cx="320519" cy="94579"/>
            </a:xfrm>
            <a:custGeom>
              <a:avLst/>
              <a:gdLst>
                <a:gd name="connsiteX0" fmla="*/ 320520 w 320519"/>
                <a:gd name="connsiteY0" fmla="*/ 94580 h 94579"/>
                <a:gd name="connsiteX1" fmla="*/ 42035 w 320519"/>
                <a:gd name="connsiteY1" fmla="*/ 63053 h 94579"/>
                <a:gd name="connsiteX2" fmla="*/ 0 w 320519"/>
                <a:gd name="connsiteY2" fmla="*/ 27508 h 94579"/>
                <a:gd name="connsiteX3" fmla="*/ 42963 w 320519"/>
                <a:gd name="connsiteY3" fmla="*/ 0 h 94579"/>
                <a:gd name="connsiteX4" fmla="*/ 320520 w 320519"/>
                <a:gd name="connsiteY4" fmla="*/ 19163 h 94579"/>
                <a:gd name="connsiteX5" fmla="*/ 320520 w 320519"/>
                <a:gd name="connsiteY5" fmla="*/ 94580 h 945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20519" h="94579">
                  <a:moveTo>
                    <a:pt x="320520" y="94580"/>
                  </a:moveTo>
                  <a:lnTo>
                    <a:pt x="42035" y="63053"/>
                  </a:lnTo>
                  <a:lnTo>
                    <a:pt x="0" y="27508"/>
                  </a:lnTo>
                  <a:lnTo>
                    <a:pt x="42963" y="0"/>
                  </a:lnTo>
                  <a:lnTo>
                    <a:pt x="320520" y="19163"/>
                  </a:lnTo>
                  <a:lnTo>
                    <a:pt x="320520" y="94580"/>
                  </a:lnTo>
                  <a:close/>
                </a:path>
              </a:pathLst>
            </a:custGeom>
            <a:solidFill>
              <a:srgbClr val="008FD3"/>
            </a:solidFill>
            <a:ln w="3056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" name="Freeform 76">
              <a:extLst>
                <a:ext uri="{FF2B5EF4-FFF2-40B4-BE49-F238E27FC236}">
                  <a16:creationId xmlns:a16="http://schemas.microsoft.com/office/drawing/2014/main" id="{93AD5C4B-5A14-CA5B-29E3-319A0BF33ADB}"/>
                </a:ext>
              </a:extLst>
            </p:cNvPr>
            <p:cNvSpPr/>
            <p:nvPr/>
          </p:nvSpPr>
          <p:spPr>
            <a:xfrm>
              <a:off x="6638274" y="2664654"/>
              <a:ext cx="80361" cy="80979"/>
            </a:xfrm>
            <a:custGeom>
              <a:avLst/>
              <a:gdLst>
                <a:gd name="connsiteX0" fmla="*/ 80362 w 80361"/>
                <a:gd name="connsiteY0" fmla="*/ 80980 h 80979"/>
                <a:gd name="connsiteX1" fmla="*/ 80362 w 80361"/>
                <a:gd name="connsiteY1" fmla="*/ 5564 h 80979"/>
                <a:gd name="connsiteX2" fmla="*/ 0 w 80361"/>
                <a:gd name="connsiteY2" fmla="*/ 0 h 80979"/>
                <a:gd name="connsiteX3" fmla="*/ 0 w 80361"/>
                <a:gd name="connsiteY3" fmla="*/ 71707 h 809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80361" h="80979">
                  <a:moveTo>
                    <a:pt x="80362" y="80980"/>
                  </a:moveTo>
                  <a:lnTo>
                    <a:pt x="80362" y="5564"/>
                  </a:lnTo>
                  <a:lnTo>
                    <a:pt x="0" y="0"/>
                  </a:lnTo>
                  <a:lnTo>
                    <a:pt x="0" y="71707"/>
                  </a:lnTo>
                  <a:close/>
                </a:path>
              </a:pathLst>
            </a:custGeom>
            <a:solidFill>
              <a:srgbClr val="F0AB00"/>
            </a:solidFill>
            <a:ln w="3056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" name="Freeform 77">
              <a:extLst>
                <a:ext uri="{FF2B5EF4-FFF2-40B4-BE49-F238E27FC236}">
                  <a16:creationId xmlns:a16="http://schemas.microsoft.com/office/drawing/2014/main" id="{534C3A7A-D553-B7F4-FD0E-5BB40A4504B9}"/>
                </a:ext>
              </a:extLst>
            </p:cNvPr>
            <p:cNvSpPr/>
            <p:nvPr/>
          </p:nvSpPr>
          <p:spPr>
            <a:xfrm>
              <a:off x="6558221" y="2659090"/>
              <a:ext cx="80052" cy="77270"/>
            </a:xfrm>
            <a:custGeom>
              <a:avLst/>
              <a:gdLst>
                <a:gd name="connsiteX0" fmla="*/ 80053 w 80052"/>
                <a:gd name="connsiteY0" fmla="*/ 77271 h 77270"/>
                <a:gd name="connsiteX1" fmla="*/ 80053 w 80052"/>
                <a:gd name="connsiteY1" fmla="*/ 5563 h 77270"/>
                <a:gd name="connsiteX2" fmla="*/ 0 w 80052"/>
                <a:gd name="connsiteY2" fmla="*/ 0 h 77270"/>
                <a:gd name="connsiteX3" fmla="*/ 0 w 80052"/>
                <a:gd name="connsiteY3" fmla="*/ 68308 h 772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80052" h="77270">
                  <a:moveTo>
                    <a:pt x="80053" y="77271"/>
                  </a:moveTo>
                  <a:lnTo>
                    <a:pt x="80053" y="5563"/>
                  </a:lnTo>
                  <a:lnTo>
                    <a:pt x="0" y="0"/>
                  </a:lnTo>
                  <a:lnTo>
                    <a:pt x="0" y="68308"/>
                  </a:lnTo>
                  <a:close/>
                </a:path>
              </a:pathLst>
            </a:custGeom>
            <a:solidFill>
              <a:srgbClr val="F0AB00">
                <a:alpha val="70000"/>
              </a:srgbClr>
            </a:solidFill>
            <a:ln w="3056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" name="Freeform 78">
              <a:extLst>
                <a:ext uri="{FF2B5EF4-FFF2-40B4-BE49-F238E27FC236}">
                  <a16:creationId xmlns:a16="http://schemas.microsoft.com/office/drawing/2014/main" id="{08B2C84F-DD33-8DAD-6039-B05A2D0653AE}"/>
                </a:ext>
              </a:extLst>
            </p:cNvPr>
            <p:cNvSpPr/>
            <p:nvPr/>
          </p:nvSpPr>
          <p:spPr>
            <a:xfrm>
              <a:off x="6478168" y="2653527"/>
              <a:ext cx="80052" cy="73871"/>
            </a:xfrm>
            <a:custGeom>
              <a:avLst/>
              <a:gdLst>
                <a:gd name="connsiteX0" fmla="*/ 80053 w 80052"/>
                <a:gd name="connsiteY0" fmla="*/ 73871 h 73871"/>
                <a:gd name="connsiteX1" fmla="*/ 80053 w 80052"/>
                <a:gd name="connsiteY1" fmla="*/ 5564 h 73871"/>
                <a:gd name="connsiteX2" fmla="*/ 0 w 80052"/>
                <a:gd name="connsiteY2" fmla="*/ 0 h 73871"/>
                <a:gd name="connsiteX3" fmla="*/ 0 w 80052"/>
                <a:gd name="connsiteY3" fmla="*/ 64908 h 738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80052" h="73871">
                  <a:moveTo>
                    <a:pt x="80053" y="73871"/>
                  </a:moveTo>
                  <a:lnTo>
                    <a:pt x="80053" y="5564"/>
                  </a:lnTo>
                  <a:lnTo>
                    <a:pt x="0" y="0"/>
                  </a:lnTo>
                  <a:lnTo>
                    <a:pt x="0" y="64908"/>
                  </a:lnTo>
                  <a:close/>
                </a:path>
              </a:pathLst>
            </a:custGeom>
            <a:solidFill>
              <a:srgbClr val="F0AB00">
                <a:alpha val="40000"/>
              </a:srgbClr>
            </a:solidFill>
            <a:ln w="3056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" name="Freeform 79">
              <a:extLst>
                <a:ext uri="{FF2B5EF4-FFF2-40B4-BE49-F238E27FC236}">
                  <a16:creationId xmlns:a16="http://schemas.microsoft.com/office/drawing/2014/main" id="{B1F35C28-CD99-BD8A-77BE-122782F0011B}"/>
                </a:ext>
              </a:extLst>
            </p:cNvPr>
            <p:cNvSpPr/>
            <p:nvPr/>
          </p:nvSpPr>
          <p:spPr>
            <a:xfrm>
              <a:off x="6348662" y="2369479"/>
              <a:ext cx="410154" cy="568405"/>
            </a:xfrm>
            <a:custGeom>
              <a:avLst/>
              <a:gdLst>
                <a:gd name="connsiteX0" fmla="*/ 229649 w 410154"/>
                <a:gd name="connsiteY0" fmla="*/ 74798 h 568405"/>
                <a:gd name="connsiteX1" fmla="*/ 223468 w 410154"/>
                <a:gd name="connsiteY1" fmla="*/ 80980 h 568405"/>
                <a:gd name="connsiteX2" fmla="*/ 217286 w 410154"/>
                <a:gd name="connsiteY2" fmla="*/ 74798 h 568405"/>
                <a:gd name="connsiteX3" fmla="*/ 223468 w 410154"/>
                <a:gd name="connsiteY3" fmla="*/ 68617 h 568405"/>
                <a:gd name="connsiteX4" fmla="*/ 229649 w 410154"/>
                <a:gd name="connsiteY4" fmla="*/ 74798 h 568405"/>
                <a:gd name="connsiteX5" fmla="*/ 223468 w 410154"/>
                <a:gd name="connsiteY5" fmla="*/ 206159 h 568405"/>
                <a:gd name="connsiteX6" fmla="*/ 217286 w 410154"/>
                <a:gd name="connsiteY6" fmla="*/ 212341 h 568405"/>
                <a:gd name="connsiteX7" fmla="*/ 223468 w 410154"/>
                <a:gd name="connsiteY7" fmla="*/ 218522 h 568405"/>
                <a:gd name="connsiteX8" fmla="*/ 229649 w 410154"/>
                <a:gd name="connsiteY8" fmla="*/ 212341 h 568405"/>
                <a:gd name="connsiteX9" fmla="*/ 223468 w 410154"/>
                <a:gd name="connsiteY9" fmla="*/ 206159 h 568405"/>
                <a:gd name="connsiteX10" fmla="*/ 223468 w 410154"/>
                <a:gd name="connsiteY10" fmla="*/ 432099 h 568405"/>
                <a:gd name="connsiteX11" fmla="*/ 217286 w 410154"/>
                <a:gd name="connsiteY11" fmla="*/ 438281 h 568405"/>
                <a:gd name="connsiteX12" fmla="*/ 223468 w 410154"/>
                <a:gd name="connsiteY12" fmla="*/ 444462 h 568405"/>
                <a:gd name="connsiteX13" fmla="*/ 229649 w 410154"/>
                <a:gd name="connsiteY13" fmla="*/ 438281 h 568405"/>
                <a:gd name="connsiteX14" fmla="*/ 223468 w 410154"/>
                <a:gd name="connsiteY14" fmla="*/ 432099 h 568405"/>
                <a:gd name="connsiteX15" fmla="*/ 248194 w 410154"/>
                <a:gd name="connsiteY15" fmla="*/ 174632 h 568405"/>
                <a:gd name="connsiteX16" fmla="*/ 248194 w 410154"/>
                <a:gd name="connsiteY16" fmla="*/ 108179 h 568405"/>
                <a:gd name="connsiteX17" fmla="*/ 341538 w 410154"/>
                <a:gd name="connsiteY17" fmla="*/ 96125 h 568405"/>
                <a:gd name="connsiteX18" fmla="*/ 343392 w 410154"/>
                <a:gd name="connsiteY18" fmla="*/ 95816 h 568405"/>
                <a:gd name="connsiteX19" fmla="*/ 385427 w 410154"/>
                <a:gd name="connsiteY19" fmla="*/ 60271 h 568405"/>
                <a:gd name="connsiteX20" fmla="*/ 342465 w 410154"/>
                <a:gd name="connsiteY20" fmla="*/ 32763 h 568405"/>
                <a:gd name="connsiteX21" fmla="*/ 248503 w 410154"/>
                <a:gd name="connsiteY21" fmla="*/ 40181 h 568405"/>
                <a:gd name="connsiteX22" fmla="*/ 248503 w 410154"/>
                <a:gd name="connsiteY22" fmla="*/ 0 h 568405"/>
                <a:gd name="connsiteX23" fmla="*/ 199050 w 410154"/>
                <a:gd name="connsiteY23" fmla="*/ 0 h 568405"/>
                <a:gd name="connsiteX24" fmla="*/ 199050 w 410154"/>
                <a:gd name="connsiteY24" fmla="*/ 44199 h 568405"/>
                <a:gd name="connsiteX25" fmla="*/ 95816 w 410154"/>
                <a:gd name="connsiteY25" fmla="*/ 52235 h 568405"/>
                <a:gd name="connsiteX26" fmla="*/ 95816 w 410154"/>
                <a:gd name="connsiteY26" fmla="*/ 127652 h 568405"/>
                <a:gd name="connsiteX27" fmla="*/ 199050 w 410154"/>
                <a:gd name="connsiteY27" fmla="*/ 114361 h 568405"/>
                <a:gd name="connsiteX28" fmla="*/ 199050 w 410154"/>
                <a:gd name="connsiteY28" fmla="*/ 174632 h 568405"/>
                <a:gd name="connsiteX29" fmla="*/ 59962 w 410154"/>
                <a:gd name="connsiteY29" fmla="*/ 174632 h 568405"/>
                <a:gd name="connsiteX30" fmla="*/ 0 w 410154"/>
                <a:gd name="connsiteY30" fmla="*/ 212341 h 568405"/>
                <a:gd name="connsiteX31" fmla="*/ 59653 w 410154"/>
                <a:gd name="connsiteY31" fmla="*/ 249740 h 568405"/>
                <a:gd name="connsiteX32" fmla="*/ 198741 w 410154"/>
                <a:gd name="connsiteY32" fmla="*/ 249740 h 568405"/>
                <a:gd name="connsiteX33" fmla="*/ 198741 w 410154"/>
                <a:gd name="connsiteY33" fmla="*/ 288993 h 568405"/>
                <a:gd name="connsiteX34" fmla="*/ 211104 w 410154"/>
                <a:gd name="connsiteY34" fmla="*/ 289921 h 568405"/>
                <a:gd name="connsiteX35" fmla="*/ 211104 w 410154"/>
                <a:gd name="connsiteY35" fmla="*/ 249740 h 568405"/>
                <a:gd name="connsiteX36" fmla="*/ 235831 w 410154"/>
                <a:gd name="connsiteY36" fmla="*/ 249740 h 568405"/>
                <a:gd name="connsiteX37" fmla="*/ 235831 w 410154"/>
                <a:gd name="connsiteY37" fmla="*/ 291466 h 568405"/>
                <a:gd name="connsiteX38" fmla="*/ 248194 w 410154"/>
                <a:gd name="connsiteY38" fmla="*/ 292393 h 568405"/>
                <a:gd name="connsiteX39" fmla="*/ 248194 w 410154"/>
                <a:gd name="connsiteY39" fmla="*/ 249740 h 568405"/>
                <a:gd name="connsiteX40" fmla="*/ 410154 w 410154"/>
                <a:gd name="connsiteY40" fmla="*/ 249740 h 568405"/>
                <a:gd name="connsiteX41" fmla="*/ 410154 w 410154"/>
                <a:gd name="connsiteY41" fmla="*/ 174632 h 568405"/>
                <a:gd name="connsiteX42" fmla="*/ 248194 w 410154"/>
                <a:gd name="connsiteY42" fmla="*/ 174632 h 568405"/>
                <a:gd name="connsiteX43" fmla="*/ 211104 w 410154"/>
                <a:gd name="connsiteY43" fmla="*/ 12672 h 568405"/>
                <a:gd name="connsiteX44" fmla="*/ 235831 w 410154"/>
                <a:gd name="connsiteY44" fmla="*/ 12672 h 568405"/>
                <a:gd name="connsiteX45" fmla="*/ 235831 w 410154"/>
                <a:gd name="connsiteY45" fmla="*/ 41417 h 568405"/>
                <a:gd name="connsiteX46" fmla="*/ 211104 w 410154"/>
                <a:gd name="connsiteY46" fmla="*/ 43272 h 568405"/>
                <a:gd name="connsiteX47" fmla="*/ 211104 w 410154"/>
                <a:gd name="connsiteY47" fmla="*/ 12672 h 568405"/>
                <a:gd name="connsiteX48" fmla="*/ 107870 w 410154"/>
                <a:gd name="connsiteY48" fmla="*/ 113743 h 568405"/>
                <a:gd name="connsiteX49" fmla="*/ 107870 w 410154"/>
                <a:gd name="connsiteY49" fmla="*/ 63671 h 568405"/>
                <a:gd name="connsiteX50" fmla="*/ 339065 w 410154"/>
                <a:gd name="connsiteY50" fmla="*/ 45744 h 568405"/>
                <a:gd name="connsiteX51" fmla="*/ 364410 w 410154"/>
                <a:gd name="connsiteY51" fmla="*/ 61817 h 568405"/>
                <a:gd name="connsiteX52" fmla="*/ 338138 w 410154"/>
                <a:gd name="connsiteY52" fmla="*/ 84071 h 568405"/>
                <a:gd name="connsiteX53" fmla="*/ 107870 w 410154"/>
                <a:gd name="connsiteY53" fmla="*/ 113743 h 568405"/>
                <a:gd name="connsiteX54" fmla="*/ 235831 w 410154"/>
                <a:gd name="connsiteY54" fmla="*/ 109725 h 568405"/>
                <a:gd name="connsiteX55" fmla="*/ 235831 w 410154"/>
                <a:gd name="connsiteY55" fmla="*/ 174632 h 568405"/>
                <a:gd name="connsiteX56" fmla="*/ 211104 w 410154"/>
                <a:gd name="connsiteY56" fmla="*/ 174632 h 568405"/>
                <a:gd name="connsiteX57" fmla="*/ 211104 w 410154"/>
                <a:gd name="connsiteY57" fmla="*/ 112816 h 568405"/>
                <a:gd name="connsiteX58" fmla="*/ 235831 w 410154"/>
                <a:gd name="connsiteY58" fmla="*/ 109725 h 568405"/>
                <a:gd name="connsiteX59" fmla="*/ 397791 w 410154"/>
                <a:gd name="connsiteY59" fmla="*/ 237376 h 568405"/>
                <a:gd name="connsiteX60" fmla="*/ 63362 w 410154"/>
                <a:gd name="connsiteY60" fmla="*/ 237376 h 568405"/>
                <a:gd name="connsiteX61" fmla="*/ 23490 w 410154"/>
                <a:gd name="connsiteY61" fmla="*/ 212341 h 568405"/>
                <a:gd name="connsiteX62" fmla="*/ 63362 w 410154"/>
                <a:gd name="connsiteY62" fmla="*/ 187305 h 568405"/>
                <a:gd name="connsiteX63" fmla="*/ 397791 w 410154"/>
                <a:gd name="connsiteY63" fmla="*/ 187305 h 568405"/>
                <a:gd name="connsiteX64" fmla="*/ 397791 w 410154"/>
                <a:gd name="connsiteY64" fmla="*/ 237376 h 568405"/>
                <a:gd name="connsiteX65" fmla="*/ 343701 w 410154"/>
                <a:gd name="connsiteY65" fmla="*/ 400573 h 568405"/>
                <a:gd name="connsiteX66" fmla="*/ 247885 w 410154"/>
                <a:gd name="connsiteY66" fmla="*/ 400573 h 568405"/>
                <a:gd name="connsiteX67" fmla="*/ 247885 w 410154"/>
                <a:gd name="connsiteY67" fmla="*/ 362246 h 568405"/>
                <a:gd name="connsiteX68" fmla="*/ 235522 w 410154"/>
                <a:gd name="connsiteY68" fmla="*/ 360701 h 568405"/>
                <a:gd name="connsiteX69" fmla="*/ 235522 w 410154"/>
                <a:gd name="connsiteY69" fmla="*/ 400573 h 568405"/>
                <a:gd name="connsiteX70" fmla="*/ 210795 w 410154"/>
                <a:gd name="connsiteY70" fmla="*/ 400573 h 568405"/>
                <a:gd name="connsiteX71" fmla="*/ 210795 w 410154"/>
                <a:gd name="connsiteY71" fmla="*/ 357919 h 568405"/>
                <a:gd name="connsiteX72" fmla="*/ 198432 w 410154"/>
                <a:gd name="connsiteY72" fmla="*/ 356374 h 568405"/>
                <a:gd name="connsiteX73" fmla="*/ 198432 w 410154"/>
                <a:gd name="connsiteY73" fmla="*/ 400263 h 568405"/>
                <a:gd name="connsiteX74" fmla="*/ 55326 w 410154"/>
                <a:gd name="connsiteY74" fmla="*/ 400263 h 568405"/>
                <a:gd name="connsiteX75" fmla="*/ 55326 w 410154"/>
                <a:gd name="connsiteY75" fmla="*/ 475062 h 568405"/>
                <a:gd name="connsiteX76" fmla="*/ 198741 w 410154"/>
                <a:gd name="connsiteY76" fmla="*/ 475062 h 568405"/>
                <a:gd name="connsiteX77" fmla="*/ 198741 w 410154"/>
                <a:gd name="connsiteY77" fmla="*/ 568405 h 568405"/>
                <a:gd name="connsiteX78" fmla="*/ 248194 w 410154"/>
                <a:gd name="connsiteY78" fmla="*/ 568405 h 568405"/>
                <a:gd name="connsiteX79" fmla="*/ 248194 w 410154"/>
                <a:gd name="connsiteY79" fmla="*/ 475062 h 568405"/>
                <a:gd name="connsiteX80" fmla="*/ 344010 w 410154"/>
                <a:gd name="connsiteY80" fmla="*/ 475062 h 568405"/>
                <a:gd name="connsiteX81" fmla="*/ 403663 w 410154"/>
                <a:gd name="connsiteY81" fmla="*/ 437663 h 568405"/>
                <a:gd name="connsiteX82" fmla="*/ 343701 w 410154"/>
                <a:gd name="connsiteY82" fmla="*/ 400573 h 568405"/>
                <a:gd name="connsiteX83" fmla="*/ 235831 w 410154"/>
                <a:gd name="connsiteY83" fmla="*/ 556660 h 568405"/>
                <a:gd name="connsiteX84" fmla="*/ 211104 w 410154"/>
                <a:gd name="connsiteY84" fmla="*/ 556660 h 568405"/>
                <a:gd name="connsiteX85" fmla="*/ 211104 w 410154"/>
                <a:gd name="connsiteY85" fmla="*/ 475680 h 568405"/>
                <a:gd name="connsiteX86" fmla="*/ 235831 w 410154"/>
                <a:gd name="connsiteY86" fmla="*/ 475680 h 568405"/>
                <a:gd name="connsiteX87" fmla="*/ 235831 w 410154"/>
                <a:gd name="connsiteY87" fmla="*/ 556660 h 568405"/>
                <a:gd name="connsiteX88" fmla="*/ 340301 w 410154"/>
                <a:gd name="connsiteY88" fmla="*/ 463317 h 568405"/>
                <a:gd name="connsiteX89" fmla="*/ 67689 w 410154"/>
                <a:gd name="connsiteY89" fmla="*/ 463317 h 568405"/>
                <a:gd name="connsiteX90" fmla="*/ 67689 w 410154"/>
                <a:gd name="connsiteY90" fmla="*/ 413245 h 568405"/>
                <a:gd name="connsiteX91" fmla="*/ 340301 w 410154"/>
                <a:gd name="connsiteY91" fmla="*/ 413245 h 568405"/>
                <a:gd name="connsiteX92" fmla="*/ 380173 w 410154"/>
                <a:gd name="connsiteY92" fmla="*/ 438281 h 568405"/>
                <a:gd name="connsiteX93" fmla="*/ 340301 w 410154"/>
                <a:gd name="connsiteY93" fmla="*/ 463317 h 568405"/>
                <a:gd name="connsiteX94" fmla="*/ 223468 w 410154"/>
                <a:gd name="connsiteY94" fmla="*/ 317120 h 568405"/>
                <a:gd name="connsiteX95" fmla="*/ 229649 w 410154"/>
                <a:gd name="connsiteY95" fmla="*/ 323302 h 568405"/>
                <a:gd name="connsiteX96" fmla="*/ 223468 w 410154"/>
                <a:gd name="connsiteY96" fmla="*/ 329483 h 568405"/>
                <a:gd name="connsiteX97" fmla="*/ 217286 w 410154"/>
                <a:gd name="connsiteY97" fmla="*/ 323302 h 568405"/>
                <a:gd name="connsiteX98" fmla="*/ 223468 w 410154"/>
                <a:gd name="connsiteY98" fmla="*/ 317120 h 56840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</a:cxnLst>
              <a:rect l="l" t="t" r="r" b="b"/>
              <a:pathLst>
                <a:path w="410154" h="568405">
                  <a:moveTo>
                    <a:pt x="229649" y="74798"/>
                  </a:moveTo>
                  <a:cubicBezTo>
                    <a:pt x="229649" y="78198"/>
                    <a:pt x="226867" y="80980"/>
                    <a:pt x="223468" y="80980"/>
                  </a:cubicBezTo>
                  <a:cubicBezTo>
                    <a:pt x="220068" y="80980"/>
                    <a:pt x="217286" y="78198"/>
                    <a:pt x="217286" y="74798"/>
                  </a:cubicBezTo>
                  <a:cubicBezTo>
                    <a:pt x="217286" y="71398"/>
                    <a:pt x="220068" y="68617"/>
                    <a:pt x="223468" y="68617"/>
                  </a:cubicBezTo>
                  <a:cubicBezTo>
                    <a:pt x="226867" y="68617"/>
                    <a:pt x="229649" y="71398"/>
                    <a:pt x="229649" y="74798"/>
                  </a:cubicBezTo>
                  <a:close/>
                  <a:moveTo>
                    <a:pt x="223468" y="206159"/>
                  </a:moveTo>
                  <a:cubicBezTo>
                    <a:pt x="220068" y="206159"/>
                    <a:pt x="217286" y="208941"/>
                    <a:pt x="217286" y="212341"/>
                  </a:cubicBezTo>
                  <a:cubicBezTo>
                    <a:pt x="217286" y="215740"/>
                    <a:pt x="220068" y="218522"/>
                    <a:pt x="223468" y="218522"/>
                  </a:cubicBezTo>
                  <a:cubicBezTo>
                    <a:pt x="226867" y="218522"/>
                    <a:pt x="229649" y="215740"/>
                    <a:pt x="229649" y="212341"/>
                  </a:cubicBezTo>
                  <a:cubicBezTo>
                    <a:pt x="229649" y="208941"/>
                    <a:pt x="226867" y="206159"/>
                    <a:pt x="223468" y="206159"/>
                  </a:cubicBezTo>
                  <a:close/>
                  <a:moveTo>
                    <a:pt x="223468" y="432099"/>
                  </a:moveTo>
                  <a:cubicBezTo>
                    <a:pt x="220068" y="432099"/>
                    <a:pt x="217286" y="434881"/>
                    <a:pt x="217286" y="438281"/>
                  </a:cubicBezTo>
                  <a:cubicBezTo>
                    <a:pt x="217286" y="441681"/>
                    <a:pt x="220068" y="444462"/>
                    <a:pt x="223468" y="444462"/>
                  </a:cubicBezTo>
                  <a:cubicBezTo>
                    <a:pt x="226867" y="444462"/>
                    <a:pt x="229649" y="441681"/>
                    <a:pt x="229649" y="438281"/>
                  </a:cubicBezTo>
                  <a:cubicBezTo>
                    <a:pt x="229649" y="434881"/>
                    <a:pt x="226867" y="432099"/>
                    <a:pt x="223468" y="432099"/>
                  </a:cubicBezTo>
                  <a:close/>
                  <a:moveTo>
                    <a:pt x="248194" y="174632"/>
                  </a:moveTo>
                  <a:lnTo>
                    <a:pt x="248194" y="108179"/>
                  </a:lnTo>
                  <a:lnTo>
                    <a:pt x="341538" y="96125"/>
                  </a:lnTo>
                  <a:lnTo>
                    <a:pt x="343392" y="95816"/>
                  </a:lnTo>
                  <a:lnTo>
                    <a:pt x="385427" y="60271"/>
                  </a:lnTo>
                  <a:lnTo>
                    <a:pt x="342465" y="32763"/>
                  </a:lnTo>
                  <a:lnTo>
                    <a:pt x="248503" y="40181"/>
                  </a:lnTo>
                  <a:lnTo>
                    <a:pt x="248503" y="0"/>
                  </a:lnTo>
                  <a:lnTo>
                    <a:pt x="199050" y="0"/>
                  </a:lnTo>
                  <a:lnTo>
                    <a:pt x="199050" y="44199"/>
                  </a:lnTo>
                  <a:lnTo>
                    <a:pt x="95816" y="52235"/>
                  </a:lnTo>
                  <a:lnTo>
                    <a:pt x="95816" y="127652"/>
                  </a:lnTo>
                  <a:lnTo>
                    <a:pt x="199050" y="114361"/>
                  </a:lnTo>
                  <a:lnTo>
                    <a:pt x="199050" y="174632"/>
                  </a:lnTo>
                  <a:lnTo>
                    <a:pt x="59962" y="174632"/>
                  </a:lnTo>
                  <a:lnTo>
                    <a:pt x="0" y="212341"/>
                  </a:lnTo>
                  <a:lnTo>
                    <a:pt x="59653" y="249740"/>
                  </a:lnTo>
                  <a:lnTo>
                    <a:pt x="198741" y="249740"/>
                  </a:lnTo>
                  <a:lnTo>
                    <a:pt x="198741" y="288993"/>
                  </a:lnTo>
                  <a:lnTo>
                    <a:pt x="211104" y="289921"/>
                  </a:lnTo>
                  <a:lnTo>
                    <a:pt x="211104" y="249740"/>
                  </a:lnTo>
                  <a:lnTo>
                    <a:pt x="235831" y="249740"/>
                  </a:lnTo>
                  <a:lnTo>
                    <a:pt x="235831" y="291466"/>
                  </a:lnTo>
                  <a:lnTo>
                    <a:pt x="248194" y="292393"/>
                  </a:lnTo>
                  <a:lnTo>
                    <a:pt x="248194" y="249740"/>
                  </a:lnTo>
                  <a:lnTo>
                    <a:pt x="410154" y="249740"/>
                  </a:lnTo>
                  <a:lnTo>
                    <a:pt x="410154" y="174632"/>
                  </a:lnTo>
                  <a:lnTo>
                    <a:pt x="248194" y="174632"/>
                  </a:lnTo>
                  <a:close/>
                  <a:moveTo>
                    <a:pt x="211104" y="12672"/>
                  </a:moveTo>
                  <a:lnTo>
                    <a:pt x="235831" y="12672"/>
                  </a:lnTo>
                  <a:lnTo>
                    <a:pt x="235831" y="41417"/>
                  </a:lnTo>
                  <a:lnTo>
                    <a:pt x="211104" y="43272"/>
                  </a:lnTo>
                  <a:lnTo>
                    <a:pt x="211104" y="12672"/>
                  </a:lnTo>
                  <a:close/>
                  <a:moveTo>
                    <a:pt x="107870" y="113743"/>
                  </a:moveTo>
                  <a:lnTo>
                    <a:pt x="107870" y="63671"/>
                  </a:lnTo>
                  <a:lnTo>
                    <a:pt x="339065" y="45744"/>
                  </a:lnTo>
                  <a:lnTo>
                    <a:pt x="364410" y="61817"/>
                  </a:lnTo>
                  <a:lnTo>
                    <a:pt x="338138" y="84071"/>
                  </a:lnTo>
                  <a:lnTo>
                    <a:pt x="107870" y="113743"/>
                  </a:lnTo>
                  <a:close/>
                  <a:moveTo>
                    <a:pt x="235831" y="109725"/>
                  </a:moveTo>
                  <a:lnTo>
                    <a:pt x="235831" y="174632"/>
                  </a:lnTo>
                  <a:lnTo>
                    <a:pt x="211104" y="174632"/>
                  </a:lnTo>
                  <a:lnTo>
                    <a:pt x="211104" y="112816"/>
                  </a:lnTo>
                  <a:lnTo>
                    <a:pt x="235831" y="109725"/>
                  </a:lnTo>
                  <a:close/>
                  <a:moveTo>
                    <a:pt x="397791" y="237376"/>
                  </a:moveTo>
                  <a:lnTo>
                    <a:pt x="63362" y="237376"/>
                  </a:lnTo>
                  <a:lnTo>
                    <a:pt x="23490" y="212341"/>
                  </a:lnTo>
                  <a:lnTo>
                    <a:pt x="63362" y="187305"/>
                  </a:lnTo>
                  <a:lnTo>
                    <a:pt x="397791" y="187305"/>
                  </a:lnTo>
                  <a:lnTo>
                    <a:pt x="397791" y="237376"/>
                  </a:lnTo>
                  <a:close/>
                  <a:moveTo>
                    <a:pt x="343701" y="400573"/>
                  </a:moveTo>
                  <a:lnTo>
                    <a:pt x="247885" y="400573"/>
                  </a:lnTo>
                  <a:lnTo>
                    <a:pt x="247885" y="362246"/>
                  </a:lnTo>
                  <a:lnTo>
                    <a:pt x="235522" y="360701"/>
                  </a:lnTo>
                  <a:lnTo>
                    <a:pt x="235522" y="400573"/>
                  </a:lnTo>
                  <a:lnTo>
                    <a:pt x="210795" y="400573"/>
                  </a:lnTo>
                  <a:lnTo>
                    <a:pt x="210795" y="357919"/>
                  </a:lnTo>
                  <a:lnTo>
                    <a:pt x="198432" y="356374"/>
                  </a:lnTo>
                  <a:lnTo>
                    <a:pt x="198432" y="400263"/>
                  </a:lnTo>
                  <a:lnTo>
                    <a:pt x="55326" y="400263"/>
                  </a:lnTo>
                  <a:lnTo>
                    <a:pt x="55326" y="475062"/>
                  </a:lnTo>
                  <a:lnTo>
                    <a:pt x="198741" y="475062"/>
                  </a:lnTo>
                  <a:lnTo>
                    <a:pt x="198741" y="568405"/>
                  </a:lnTo>
                  <a:lnTo>
                    <a:pt x="248194" y="568405"/>
                  </a:lnTo>
                  <a:lnTo>
                    <a:pt x="248194" y="475062"/>
                  </a:lnTo>
                  <a:lnTo>
                    <a:pt x="344010" y="475062"/>
                  </a:lnTo>
                  <a:lnTo>
                    <a:pt x="403663" y="437663"/>
                  </a:lnTo>
                  <a:lnTo>
                    <a:pt x="343701" y="400573"/>
                  </a:lnTo>
                  <a:close/>
                  <a:moveTo>
                    <a:pt x="235831" y="556660"/>
                  </a:moveTo>
                  <a:lnTo>
                    <a:pt x="211104" y="556660"/>
                  </a:lnTo>
                  <a:lnTo>
                    <a:pt x="211104" y="475680"/>
                  </a:lnTo>
                  <a:lnTo>
                    <a:pt x="235831" y="475680"/>
                  </a:lnTo>
                  <a:lnTo>
                    <a:pt x="235831" y="556660"/>
                  </a:lnTo>
                  <a:close/>
                  <a:moveTo>
                    <a:pt x="340301" y="463317"/>
                  </a:moveTo>
                  <a:lnTo>
                    <a:pt x="67689" y="463317"/>
                  </a:lnTo>
                  <a:lnTo>
                    <a:pt x="67689" y="413245"/>
                  </a:lnTo>
                  <a:lnTo>
                    <a:pt x="340301" y="413245"/>
                  </a:lnTo>
                  <a:lnTo>
                    <a:pt x="380173" y="438281"/>
                  </a:lnTo>
                  <a:lnTo>
                    <a:pt x="340301" y="463317"/>
                  </a:lnTo>
                  <a:close/>
                  <a:moveTo>
                    <a:pt x="223468" y="317120"/>
                  </a:moveTo>
                  <a:cubicBezTo>
                    <a:pt x="226867" y="317120"/>
                    <a:pt x="229649" y="319902"/>
                    <a:pt x="229649" y="323302"/>
                  </a:cubicBezTo>
                  <a:cubicBezTo>
                    <a:pt x="229649" y="326702"/>
                    <a:pt x="226867" y="329483"/>
                    <a:pt x="223468" y="329483"/>
                  </a:cubicBezTo>
                  <a:cubicBezTo>
                    <a:pt x="220068" y="329483"/>
                    <a:pt x="217286" y="326702"/>
                    <a:pt x="217286" y="323302"/>
                  </a:cubicBezTo>
                  <a:cubicBezTo>
                    <a:pt x="217286" y="319902"/>
                    <a:pt x="220068" y="317120"/>
                    <a:pt x="223468" y="317120"/>
                  </a:cubicBezTo>
                  <a:close/>
                </a:path>
              </a:pathLst>
            </a:custGeom>
            <a:solidFill>
              <a:schemeClr val="tx1"/>
            </a:solidFill>
            <a:ln w="3056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81" name="TextBox 80">
            <a:extLst>
              <a:ext uri="{FF2B5EF4-FFF2-40B4-BE49-F238E27FC236}">
                <a16:creationId xmlns:a16="http://schemas.microsoft.com/office/drawing/2014/main" id="{5192FA01-4CFC-B343-4496-FCD41CBA1B9A}"/>
              </a:ext>
            </a:extLst>
          </p:cNvPr>
          <p:cNvSpPr txBox="1"/>
          <p:nvPr/>
        </p:nvSpPr>
        <p:spPr>
          <a:xfrm>
            <a:off x="9938526" y="2101047"/>
            <a:ext cx="16895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 dirty="0">
                <a:ea typeface="Arial Unicode MS" pitchFamily="34" charset="-128"/>
                <a:cs typeface="Arial Unicode MS" pitchFamily="34" charset="-128"/>
              </a:rPr>
              <a:t>Writing Assistant</a:t>
            </a:r>
          </a:p>
        </p:txBody>
      </p:sp>
      <p:sp>
        <p:nvSpPr>
          <p:cNvPr id="82" name="TextBox 81">
            <a:extLst>
              <a:ext uri="{FF2B5EF4-FFF2-40B4-BE49-F238E27FC236}">
                <a16:creationId xmlns:a16="http://schemas.microsoft.com/office/drawing/2014/main" id="{56E272AF-F8EA-7A1E-3865-D25A7A5A0F3E}"/>
              </a:ext>
            </a:extLst>
          </p:cNvPr>
          <p:cNvSpPr txBox="1"/>
          <p:nvPr/>
        </p:nvSpPr>
        <p:spPr>
          <a:xfrm>
            <a:off x="9053747" y="2600362"/>
            <a:ext cx="2411412" cy="258532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chemeClr val="accent1"/>
              </a:buClr>
              <a:buSzPct val="100000"/>
              <a:buFont typeface="Wingdings" pitchFamily="2" charset="2"/>
              <a:buChar char="§"/>
            </a:pPr>
            <a:r>
              <a:rPr lang="en-US" sz="1600" dirty="0"/>
              <a:t>Copy and paste text </a:t>
            </a:r>
            <a:br>
              <a:rPr lang="en-US" sz="1600" dirty="0"/>
            </a:br>
            <a:r>
              <a:rPr lang="en-US" sz="1600" dirty="0"/>
              <a:t>to get instant feedback on grammar, spelling, approved names, style, and tone</a:t>
            </a:r>
          </a:p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chemeClr val="accent1"/>
              </a:buClr>
              <a:buSzPct val="100000"/>
              <a:buFont typeface="Wingdings" pitchFamily="2" charset="2"/>
              <a:buChar char="§"/>
            </a:pPr>
            <a:r>
              <a:rPr lang="en-US" sz="1600" dirty="0"/>
              <a:t>Copy this link and paste it in a browser:</a:t>
            </a:r>
            <a:r>
              <a:rPr lang="en-US" sz="1600" kern="0" dirty="0">
                <a:ea typeface="Arial Unicode MS" pitchFamily="34" charset="-128"/>
              </a:rPr>
              <a:t> </a:t>
            </a:r>
            <a:r>
              <a:rPr lang="en-US" sz="1600" kern="0" dirty="0">
                <a:ea typeface="Arial Unicode MS" pitchFamily="34" charset="-128"/>
                <a:cs typeface="Arial Unicode MS" pitchFamily="34" charset="-128"/>
                <a:hlinkClick r:id="rId8"/>
              </a:rPr>
              <a:t>https://www.sapbrandtools.com/writing-assistant/</a:t>
            </a: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 </a:t>
            </a:r>
          </a:p>
        </p:txBody>
      </p:sp>
      <p:grpSp>
        <p:nvGrpSpPr>
          <p:cNvPr id="83" name="Group 82">
            <a:extLst>
              <a:ext uri="{FF2B5EF4-FFF2-40B4-BE49-F238E27FC236}">
                <a16:creationId xmlns:a16="http://schemas.microsoft.com/office/drawing/2014/main" id="{547C42B5-722C-E50E-9030-FADE6877B518}"/>
              </a:ext>
            </a:extLst>
          </p:cNvPr>
          <p:cNvGrpSpPr/>
          <p:nvPr/>
        </p:nvGrpSpPr>
        <p:grpSpPr>
          <a:xfrm>
            <a:off x="9169211" y="1829992"/>
            <a:ext cx="380415" cy="630879"/>
            <a:chOff x="9169211" y="2357491"/>
            <a:chExt cx="380415" cy="630879"/>
          </a:xfrm>
        </p:grpSpPr>
        <p:sp>
          <p:nvSpPr>
            <p:cNvPr id="84" name="Freeform 83">
              <a:extLst>
                <a:ext uri="{FF2B5EF4-FFF2-40B4-BE49-F238E27FC236}">
                  <a16:creationId xmlns:a16="http://schemas.microsoft.com/office/drawing/2014/main" id="{0A4979C0-56A5-32F6-5496-CAACE32FA68D}"/>
                </a:ext>
              </a:extLst>
            </p:cNvPr>
            <p:cNvSpPr/>
            <p:nvPr/>
          </p:nvSpPr>
          <p:spPr>
            <a:xfrm>
              <a:off x="9169211" y="2624317"/>
              <a:ext cx="380100" cy="364053"/>
            </a:xfrm>
            <a:custGeom>
              <a:avLst/>
              <a:gdLst>
                <a:gd name="connsiteX0" fmla="*/ 0 w 380100"/>
                <a:gd name="connsiteY0" fmla="*/ 47513 h 364053"/>
                <a:gd name="connsiteX1" fmla="*/ 71741 w 380100"/>
                <a:gd name="connsiteY1" fmla="*/ 196343 h 364053"/>
                <a:gd name="connsiteX2" fmla="*/ 73943 w 380100"/>
                <a:gd name="connsiteY2" fmla="*/ 198231 h 364053"/>
                <a:gd name="connsiteX3" fmla="*/ 73943 w 380100"/>
                <a:gd name="connsiteY3" fmla="*/ 327554 h 364053"/>
                <a:gd name="connsiteX4" fmla="*/ 261162 w 380100"/>
                <a:gd name="connsiteY4" fmla="*/ 364053 h 364053"/>
                <a:gd name="connsiteX5" fmla="*/ 261162 w 380100"/>
                <a:gd name="connsiteY5" fmla="*/ 258959 h 364053"/>
                <a:gd name="connsiteX6" fmla="*/ 312136 w 380100"/>
                <a:gd name="connsiteY6" fmla="*/ 258959 h 364053"/>
                <a:gd name="connsiteX7" fmla="*/ 345489 w 380100"/>
                <a:gd name="connsiteY7" fmla="*/ 225606 h 364053"/>
                <a:gd name="connsiteX8" fmla="*/ 345489 w 380100"/>
                <a:gd name="connsiteY8" fmla="*/ 175262 h 364053"/>
                <a:gd name="connsiteX9" fmla="*/ 380101 w 380100"/>
                <a:gd name="connsiteY9" fmla="*/ 175262 h 364053"/>
                <a:gd name="connsiteX10" fmla="*/ 380101 w 380100"/>
                <a:gd name="connsiteY10" fmla="*/ 47513 h 364053"/>
                <a:gd name="connsiteX11" fmla="*/ 374122 w 380100"/>
                <a:gd name="connsiteY11" fmla="*/ 0 h 364053"/>
                <a:gd name="connsiteX12" fmla="*/ 5978 w 380100"/>
                <a:gd name="connsiteY12" fmla="*/ 0 h 364053"/>
                <a:gd name="connsiteX13" fmla="*/ 0 w 380100"/>
                <a:gd name="connsiteY13" fmla="*/ 47513 h 36405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380100" h="364053">
                  <a:moveTo>
                    <a:pt x="0" y="47513"/>
                  </a:moveTo>
                  <a:cubicBezTo>
                    <a:pt x="0" y="105723"/>
                    <a:pt x="26116" y="159844"/>
                    <a:pt x="71741" y="196343"/>
                  </a:cubicBezTo>
                  <a:lnTo>
                    <a:pt x="73943" y="198231"/>
                  </a:lnTo>
                  <a:lnTo>
                    <a:pt x="73943" y="327554"/>
                  </a:lnTo>
                  <a:lnTo>
                    <a:pt x="261162" y="364053"/>
                  </a:lnTo>
                  <a:lnTo>
                    <a:pt x="261162" y="258959"/>
                  </a:lnTo>
                  <a:lnTo>
                    <a:pt x="312136" y="258959"/>
                  </a:lnTo>
                  <a:cubicBezTo>
                    <a:pt x="330386" y="258959"/>
                    <a:pt x="345489" y="243856"/>
                    <a:pt x="345489" y="225606"/>
                  </a:cubicBezTo>
                  <a:lnTo>
                    <a:pt x="345489" y="175262"/>
                  </a:lnTo>
                  <a:lnTo>
                    <a:pt x="380101" y="175262"/>
                  </a:lnTo>
                  <a:lnTo>
                    <a:pt x="380101" y="47513"/>
                  </a:lnTo>
                  <a:cubicBezTo>
                    <a:pt x="380101" y="31151"/>
                    <a:pt x="377898" y="15103"/>
                    <a:pt x="374122" y="0"/>
                  </a:cubicBezTo>
                  <a:lnTo>
                    <a:pt x="5978" y="0"/>
                  </a:lnTo>
                  <a:cubicBezTo>
                    <a:pt x="2203" y="15103"/>
                    <a:pt x="0" y="31151"/>
                    <a:pt x="0" y="47513"/>
                  </a:cubicBezTo>
                  <a:close/>
                </a:path>
              </a:pathLst>
            </a:custGeom>
            <a:solidFill>
              <a:srgbClr val="008FD3"/>
            </a:solidFill>
            <a:ln w="313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" name="Freeform 84">
              <a:extLst>
                <a:ext uri="{FF2B5EF4-FFF2-40B4-BE49-F238E27FC236}">
                  <a16:creationId xmlns:a16="http://schemas.microsoft.com/office/drawing/2014/main" id="{E72AF90B-DC80-27FC-8367-8ABFCCF6F94C}"/>
                </a:ext>
              </a:extLst>
            </p:cNvPr>
            <p:cNvSpPr/>
            <p:nvPr/>
          </p:nvSpPr>
          <p:spPr>
            <a:xfrm>
              <a:off x="9222073" y="2803354"/>
              <a:ext cx="292627" cy="95025"/>
            </a:xfrm>
            <a:custGeom>
              <a:avLst/>
              <a:gdLst>
                <a:gd name="connsiteX0" fmla="*/ 0 w 292627"/>
                <a:gd name="connsiteY0" fmla="*/ 0 h 95025"/>
                <a:gd name="connsiteX1" fmla="*/ 18879 w 292627"/>
                <a:gd name="connsiteY1" fmla="*/ 17306 h 95025"/>
                <a:gd name="connsiteX2" fmla="*/ 21082 w 292627"/>
                <a:gd name="connsiteY2" fmla="*/ 19194 h 95025"/>
                <a:gd name="connsiteX3" fmla="*/ 21082 w 292627"/>
                <a:gd name="connsiteY3" fmla="*/ 95025 h 95025"/>
                <a:gd name="connsiteX4" fmla="*/ 208300 w 292627"/>
                <a:gd name="connsiteY4" fmla="*/ 95025 h 95025"/>
                <a:gd name="connsiteX5" fmla="*/ 208300 w 292627"/>
                <a:gd name="connsiteY5" fmla="*/ 79922 h 95025"/>
                <a:gd name="connsiteX6" fmla="*/ 259274 w 292627"/>
                <a:gd name="connsiteY6" fmla="*/ 79922 h 95025"/>
                <a:gd name="connsiteX7" fmla="*/ 292627 w 292627"/>
                <a:gd name="connsiteY7" fmla="*/ 46569 h 95025"/>
                <a:gd name="connsiteX8" fmla="*/ 292627 w 292627"/>
                <a:gd name="connsiteY8" fmla="*/ 0 h 95025"/>
                <a:gd name="connsiteX9" fmla="*/ 0 w 292627"/>
                <a:gd name="connsiteY9" fmla="*/ 0 h 950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292627" h="95025">
                  <a:moveTo>
                    <a:pt x="0" y="0"/>
                  </a:moveTo>
                  <a:cubicBezTo>
                    <a:pt x="5978" y="6293"/>
                    <a:pt x="12271" y="11957"/>
                    <a:pt x="18879" y="17306"/>
                  </a:cubicBezTo>
                  <a:lnTo>
                    <a:pt x="21082" y="19194"/>
                  </a:lnTo>
                  <a:lnTo>
                    <a:pt x="21082" y="95025"/>
                  </a:lnTo>
                  <a:lnTo>
                    <a:pt x="208300" y="95025"/>
                  </a:lnTo>
                  <a:lnTo>
                    <a:pt x="208300" y="79922"/>
                  </a:lnTo>
                  <a:lnTo>
                    <a:pt x="259274" y="79922"/>
                  </a:lnTo>
                  <a:cubicBezTo>
                    <a:pt x="277524" y="79922"/>
                    <a:pt x="292627" y="64818"/>
                    <a:pt x="292627" y="46569"/>
                  </a:cubicBezTo>
                  <a:lnTo>
                    <a:pt x="292627" y="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0AB00">
                <a:alpha val="40000"/>
              </a:srgbClr>
            </a:solidFill>
            <a:ln w="313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" name="Freeform 85">
              <a:extLst>
                <a:ext uri="{FF2B5EF4-FFF2-40B4-BE49-F238E27FC236}">
                  <a16:creationId xmlns:a16="http://schemas.microsoft.com/office/drawing/2014/main" id="{79C95EE6-223C-38C0-CFEE-2ABB3ABC68FA}"/>
                </a:ext>
              </a:extLst>
            </p:cNvPr>
            <p:cNvSpPr/>
            <p:nvPr/>
          </p:nvSpPr>
          <p:spPr>
            <a:xfrm>
              <a:off x="9172987" y="2708329"/>
              <a:ext cx="376639" cy="95025"/>
            </a:xfrm>
            <a:custGeom>
              <a:avLst/>
              <a:gdLst>
                <a:gd name="connsiteX0" fmla="*/ 0 w 376639"/>
                <a:gd name="connsiteY0" fmla="*/ 0 h 95025"/>
                <a:gd name="connsiteX1" fmla="*/ 49401 w 376639"/>
                <a:gd name="connsiteY1" fmla="*/ 95025 h 95025"/>
                <a:gd name="connsiteX2" fmla="*/ 342028 w 376639"/>
                <a:gd name="connsiteY2" fmla="*/ 95025 h 95025"/>
                <a:gd name="connsiteX3" fmla="*/ 342028 w 376639"/>
                <a:gd name="connsiteY3" fmla="*/ 91249 h 95025"/>
                <a:gd name="connsiteX4" fmla="*/ 376640 w 376639"/>
                <a:gd name="connsiteY4" fmla="*/ 91249 h 95025"/>
                <a:gd name="connsiteX5" fmla="*/ 376640 w 376639"/>
                <a:gd name="connsiteY5" fmla="*/ 0 h 95025"/>
                <a:gd name="connsiteX6" fmla="*/ 0 w 376639"/>
                <a:gd name="connsiteY6" fmla="*/ 0 h 950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76639" h="95025">
                  <a:moveTo>
                    <a:pt x="0" y="0"/>
                  </a:moveTo>
                  <a:cubicBezTo>
                    <a:pt x="6922" y="35556"/>
                    <a:pt x="23914" y="68594"/>
                    <a:pt x="49401" y="95025"/>
                  </a:cubicBezTo>
                  <a:lnTo>
                    <a:pt x="342028" y="95025"/>
                  </a:lnTo>
                  <a:lnTo>
                    <a:pt x="342028" y="91249"/>
                  </a:lnTo>
                  <a:lnTo>
                    <a:pt x="376640" y="91249"/>
                  </a:lnTo>
                  <a:lnTo>
                    <a:pt x="376640" y="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0AB00">
                <a:alpha val="70000"/>
              </a:srgbClr>
            </a:solidFill>
            <a:ln w="313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" name="Freeform 86">
              <a:extLst>
                <a:ext uri="{FF2B5EF4-FFF2-40B4-BE49-F238E27FC236}">
                  <a16:creationId xmlns:a16="http://schemas.microsoft.com/office/drawing/2014/main" id="{58F219DA-D650-8680-64BD-554D0C48CF40}"/>
                </a:ext>
              </a:extLst>
            </p:cNvPr>
            <p:cNvSpPr/>
            <p:nvPr/>
          </p:nvSpPr>
          <p:spPr>
            <a:xfrm>
              <a:off x="9169526" y="2624317"/>
              <a:ext cx="380100" cy="84012"/>
            </a:xfrm>
            <a:custGeom>
              <a:avLst/>
              <a:gdLst>
                <a:gd name="connsiteX0" fmla="*/ 5978 w 380100"/>
                <a:gd name="connsiteY0" fmla="*/ 0 h 84012"/>
                <a:gd name="connsiteX1" fmla="*/ 0 w 380100"/>
                <a:gd name="connsiteY1" fmla="*/ 47513 h 84012"/>
                <a:gd name="connsiteX2" fmla="*/ 3461 w 380100"/>
                <a:gd name="connsiteY2" fmla="*/ 84012 h 84012"/>
                <a:gd name="connsiteX3" fmla="*/ 380101 w 380100"/>
                <a:gd name="connsiteY3" fmla="*/ 84012 h 84012"/>
                <a:gd name="connsiteX4" fmla="*/ 380101 w 380100"/>
                <a:gd name="connsiteY4" fmla="*/ 47513 h 84012"/>
                <a:gd name="connsiteX5" fmla="*/ 374122 w 380100"/>
                <a:gd name="connsiteY5" fmla="*/ 0 h 84012"/>
                <a:gd name="connsiteX6" fmla="*/ 5978 w 380100"/>
                <a:gd name="connsiteY6" fmla="*/ 0 h 840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80100" h="84012">
                  <a:moveTo>
                    <a:pt x="5978" y="0"/>
                  </a:moveTo>
                  <a:cubicBezTo>
                    <a:pt x="2203" y="15103"/>
                    <a:pt x="0" y="31151"/>
                    <a:pt x="0" y="47513"/>
                  </a:cubicBezTo>
                  <a:cubicBezTo>
                    <a:pt x="0" y="59784"/>
                    <a:pt x="1259" y="72056"/>
                    <a:pt x="3461" y="84012"/>
                  </a:cubicBezTo>
                  <a:lnTo>
                    <a:pt x="380101" y="84012"/>
                  </a:lnTo>
                  <a:lnTo>
                    <a:pt x="380101" y="47513"/>
                  </a:lnTo>
                  <a:cubicBezTo>
                    <a:pt x="380101" y="31151"/>
                    <a:pt x="377898" y="15103"/>
                    <a:pt x="374122" y="0"/>
                  </a:cubicBezTo>
                  <a:lnTo>
                    <a:pt x="5978" y="0"/>
                  </a:lnTo>
                  <a:close/>
                </a:path>
              </a:pathLst>
            </a:custGeom>
            <a:solidFill>
              <a:srgbClr val="F0AB00"/>
            </a:solidFill>
            <a:ln w="313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" name="Freeform 87">
              <a:extLst>
                <a:ext uri="{FF2B5EF4-FFF2-40B4-BE49-F238E27FC236}">
                  <a16:creationId xmlns:a16="http://schemas.microsoft.com/office/drawing/2014/main" id="{9DCF7A70-B1DE-D905-8D27-5E4E5B99A6AC}"/>
                </a:ext>
              </a:extLst>
            </p:cNvPr>
            <p:cNvSpPr/>
            <p:nvPr/>
          </p:nvSpPr>
          <p:spPr>
            <a:xfrm>
              <a:off x="9174875" y="2525201"/>
              <a:ext cx="59469" cy="13215"/>
            </a:xfrm>
            <a:custGeom>
              <a:avLst/>
              <a:gdLst>
                <a:gd name="connsiteX0" fmla="*/ 52862 w 59469"/>
                <a:gd name="connsiteY0" fmla="*/ 0 h 13215"/>
                <a:gd name="connsiteX1" fmla="*/ 6608 w 59469"/>
                <a:gd name="connsiteY1" fmla="*/ 0 h 13215"/>
                <a:gd name="connsiteX2" fmla="*/ 6608 w 59469"/>
                <a:gd name="connsiteY2" fmla="*/ 0 h 13215"/>
                <a:gd name="connsiteX3" fmla="*/ 0 w 59469"/>
                <a:gd name="connsiteY3" fmla="*/ 6608 h 13215"/>
                <a:gd name="connsiteX4" fmla="*/ 1888 w 59469"/>
                <a:gd name="connsiteY4" fmla="*/ 11328 h 13215"/>
                <a:gd name="connsiteX5" fmla="*/ 6608 w 59469"/>
                <a:gd name="connsiteY5" fmla="*/ 13215 h 13215"/>
                <a:gd name="connsiteX6" fmla="*/ 52862 w 59469"/>
                <a:gd name="connsiteY6" fmla="*/ 13215 h 13215"/>
                <a:gd name="connsiteX7" fmla="*/ 52862 w 59469"/>
                <a:gd name="connsiteY7" fmla="*/ 13215 h 13215"/>
                <a:gd name="connsiteX8" fmla="*/ 57581 w 59469"/>
                <a:gd name="connsiteY8" fmla="*/ 11328 h 13215"/>
                <a:gd name="connsiteX9" fmla="*/ 59469 w 59469"/>
                <a:gd name="connsiteY9" fmla="*/ 6608 h 13215"/>
                <a:gd name="connsiteX10" fmla="*/ 52862 w 59469"/>
                <a:gd name="connsiteY10" fmla="*/ 0 h 132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59469" h="13215">
                  <a:moveTo>
                    <a:pt x="52862" y="0"/>
                  </a:moveTo>
                  <a:lnTo>
                    <a:pt x="6608" y="0"/>
                  </a:lnTo>
                  <a:cubicBezTo>
                    <a:pt x="6608" y="0"/>
                    <a:pt x="6608" y="0"/>
                    <a:pt x="6608" y="0"/>
                  </a:cubicBezTo>
                  <a:cubicBezTo>
                    <a:pt x="3147" y="0"/>
                    <a:pt x="0" y="2832"/>
                    <a:pt x="0" y="6608"/>
                  </a:cubicBezTo>
                  <a:cubicBezTo>
                    <a:pt x="0" y="8496"/>
                    <a:pt x="629" y="10069"/>
                    <a:pt x="1888" y="11328"/>
                  </a:cubicBezTo>
                  <a:cubicBezTo>
                    <a:pt x="3147" y="12586"/>
                    <a:pt x="4720" y="13215"/>
                    <a:pt x="6608" y="13215"/>
                  </a:cubicBezTo>
                  <a:lnTo>
                    <a:pt x="52862" y="13215"/>
                  </a:lnTo>
                  <a:cubicBezTo>
                    <a:pt x="52862" y="13215"/>
                    <a:pt x="52862" y="13215"/>
                    <a:pt x="52862" y="13215"/>
                  </a:cubicBezTo>
                  <a:cubicBezTo>
                    <a:pt x="54750" y="13215"/>
                    <a:pt x="56323" y="12586"/>
                    <a:pt x="57581" y="11328"/>
                  </a:cubicBezTo>
                  <a:cubicBezTo>
                    <a:pt x="58840" y="10069"/>
                    <a:pt x="59469" y="8496"/>
                    <a:pt x="59469" y="6608"/>
                  </a:cubicBezTo>
                  <a:cubicBezTo>
                    <a:pt x="59469" y="2832"/>
                    <a:pt x="56323" y="0"/>
                    <a:pt x="52862" y="0"/>
                  </a:cubicBezTo>
                  <a:close/>
                </a:path>
              </a:pathLst>
            </a:custGeom>
            <a:solidFill>
              <a:schemeClr val="tx1"/>
            </a:solidFill>
            <a:ln w="313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" name="Freeform 88">
              <a:extLst>
                <a:ext uri="{FF2B5EF4-FFF2-40B4-BE49-F238E27FC236}">
                  <a16:creationId xmlns:a16="http://schemas.microsoft.com/office/drawing/2014/main" id="{B99B8D23-6105-A0B0-3B32-236B7A11A01D}"/>
                </a:ext>
              </a:extLst>
            </p:cNvPr>
            <p:cNvSpPr/>
            <p:nvPr/>
          </p:nvSpPr>
          <p:spPr>
            <a:xfrm>
              <a:off x="9348564" y="2357491"/>
              <a:ext cx="13215" cy="59469"/>
            </a:xfrm>
            <a:custGeom>
              <a:avLst/>
              <a:gdLst>
                <a:gd name="connsiteX0" fmla="*/ 6608 w 13215"/>
                <a:gd name="connsiteY0" fmla="*/ 59469 h 59469"/>
                <a:gd name="connsiteX1" fmla="*/ 6608 w 13215"/>
                <a:gd name="connsiteY1" fmla="*/ 59469 h 59469"/>
                <a:gd name="connsiteX2" fmla="*/ 11328 w 13215"/>
                <a:gd name="connsiteY2" fmla="*/ 57581 h 59469"/>
                <a:gd name="connsiteX3" fmla="*/ 13215 w 13215"/>
                <a:gd name="connsiteY3" fmla="*/ 52862 h 59469"/>
                <a:gd name="connsiteX4" fmla="*/ 13215 w 13215"/>
                <a:gd name="connsiteY4" fmla="*/ 6608 h 59469"/>
                <a:gd name="connsiteX5" fmla="*/ 11328 w 13215"/>
                <a:gd name="connsiteY5" fmla="*/ 1888 h 59469"/>
                <a:gd name="connsiteX6" fmla="*/ 6608 w 13215"/>
                <a:gd name="connsiteY6" fmla="*/ 0 h 59469"/>
                <a:gd name="connsiteX7" fmla="*/ 6608 w 13215"/>
                <a:gd name="connsiteY7" fmla="*/ 0 h 59469"/>
                <a:gd name="connsiteX8" fmla="*/ 1888 w 13215"/>
                <a:gd name="connsiteY8" fmla="*/ 1888 h 59469"/>
                <a:gd name="connsiteX9" fmla="*/ 0 w 13215"/>
                <a:gd name="connsiteY9" fmla="*/ 6608 h 59469"/>
                <a:gd name="connsiteX10" fmla="*/ 0 w 13215"/>
                <a:gd name="connsiteY10" fmla="*/ 52862 h 59469"/>
                <a:gd name="connsiteX11" fmla="*/ 1888 w 13215"/>
                <a:gd name="connsiteY11" fmla="*/ 57581 h 59469"/>
                <a:gd name="connsiteX12" fmla="*/ 6608 w 13215"/>
                <a:gd name="connsiteY12" fmla="*/ 59469 h 594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13215" h="59469">
                  <a:moveTo>
                    <a:pt x="6608" y="59469"/>
                  </a:moveTo>
                  <a:cubicBezTo>
                    <a:pt x="6608" y="59469"/>
                    <a:pt x="6608" y="59469"/>
                    <a:pt x="6608" y="59469"/>
                  </a:cubicBezTo>
                  <a:cubicBezTo>
                    <a:pt x="8496" y="59469"/>
                    <a:pt x="10069" y="58840"/>
                    <a:pt x="11328" y="57581"/>
                  </a:cubicBezTo>
                  <a:cubicBezTo>
                    <a:pt x="12586" y="56323"/>
                    <a:pt x="13215" y="54750"/>
                    <a:pt x="13215" y="52862"/>
                  </a:cubicBezTo>
                  <a:lnTo>
                    <a:pt x="13215" y="6608"/>
                  </a:lnTo>
                  <a:cubicBezTo>
                    <a:pt x="13215" y="4720"/>
                    <a:pt x="12586" y="3147"/>
                    <a:pt x="11328" y="1888"/>
                  </a:cubicBezTo>
                  <a:cubicBezTo>
                    <a:pt x="10069" y="629"/>
                    <a:pt x="8496" y="0"/>
                    <a:pt x="6608" y="0"/>
                  </a:cubicBezTo>
                  <a:cubicBezTo>
                    <a:pt x="6608" y="0"/>
                    <a:pt x="6608" y="0"/>
                    <a:pt x="6608" y="0"/>
                  </a:cubicBezTo>
                  <a:cubicBezTo>
                    <a:pt x="5034" y="0"/>
                    <a:pt x="3147" y="629"/>
                    <a:pt x="1888" y="1888"/>
                  </a:cubicBezTo>
                  <a:cubicBezTo>
                    <a:pt x="629" y="3147"/>
                    <a:pt x="0" y="4720"/>
                    <a:pt x="0" y="6608"/>
                  </a:cubicBezTo>
                  <a:lnTo>
                    <a:pt x="0" y="52862"/>
                  </a:lnTo>
                  <a:cubicBezTo>
                    <a:pt x="0" y="54750"/>
                    <a:pt x="629" y="56323"/>
                    <a:pt x="1888" y="57581"/>
                  </a:cubicBezTo>
                  <a:cubicBezTo>
                    <a:pt x="3147" y="58840"/>
                    <a:pt x="4720" y="59469"/>
                    <a:pt x="6608" y="59469"/>
                  </a:cubicBezTo>
                  <a:close/>
                </a:path>
              </a:pathLst>
            </a:custGeom>
            <a:solidFill>
              <a:schemeClr val="tx1"/>
            </a:solidFill>
            <a:ln w="313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" name="Freeform 89">
              <a:extLst>
                <a:ext uri="{FF2B5EF4-FFF2-40B4-BE49-F238E27FC236}">
                  <a16:creationId xmlns:a16="http://schemas.microsoft.com/office/drawing/2014/main" id="{9A5167F4-0620-79F6-35BD-5E399FA0BCFD}"/>
                </a:ext>
              </a:extLst>
            </p:cNvPr>
            <p:cNvSpPr/>
            <p:nvPr/>
          </p:nvSpPr>
          <p:spPr>
            <a:xfrm>
              <a:off x="9226164" y="2408465"/>
              <a:ext cx="45624" cy="45624"/>
            </a:xfrm>
            <a:custGeom>
              <a:avLst/>
              <a:gdLst>
                <a:gd name="connsiteX0" fmla="*/ 34297 w 45624"/>
                <a:gd name="connsiteY0" fmla="*/ 43737 h 45624"/>
                <a:gd name="connsiteX1" fmla="*/ 39017 w 45624"/>
                <a:gd name="connsiteY1" fmla="*/ 45625 h 45624"/>
                <a:gd name="connsiteX2" fmla="*/ 39017 w 45624"/>
                <a:gd name="connsiteY2" fmla="*/ 45625 h 45624"/>
                <a:gd name="connsiteX3" fmla="*/ 43737 w 45624"/>
                <a:gd name="connsiteY3" fmla="*/ 43737 h 45624"/>
                <a:gd name="connsiteX4" fmla="*/ 45625 w 45624"/>
                <a:gd name="connsiteY4" fmla="*/ 39017 h 45624"/>
                <a:gd name="connsiteX5" fmla="*/ 43737 w 45624"/>
                <a:gd name="connsiteY5" fmla="*/ 34297 h 45624"/>
                <a:gd name="connsiteX6" fmla="*/ 11013 w 45624"/>
                <a:gd name="connsiteY6" fmla="*/ 1888 h 45624"/>
                <a:gd name="connsiteX7" fmla="*/ 1888 w 45624"/>
                <a:gd name="connsiteY7" fmla="*/ 1888 h 45624"/>
                <a:gd name="connsiteX8" fmla="*/ 1888 w 45624"/>
                <a:gd name="connsiteY8" fmla="*/ 11013 h 45624"/>
                <a:gd name="connsiteX9" fmla="*/ 34297 w 45624"/>
                <a:gd name="connsiteY9" fmla="*/ 43737 h 456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45624" h="45624">
                  <a:moveTo>
                    <a:pt x="34297" y="43737"/>
                  </a:moveTo>
                  <a:cubicBezTo>
                    <a:pt x="35556" y="44995"/>
                    <a:pt x="37129" y="45625"/>
                    <a:pt x="39017" y="45625"/>
                  </a:cubicBezTo>
                  <a:cubicBezTo>
                    <a:pt x="39017" y="45625"/>
                    <a:pt x="39017" y="45625"/>
                    <a:pt x="39017" y="45625"/>
                  </a:cubicBezTo>
                  <a:cubicBezTo>
                    <a:pt x="40590" y="45625"/>
                    <a:pt x="42478" y="44995"/>
                    <a:pt x="43737" y="43737"/>
                  </a:cubicBezTo>
                  <a:cubicBezTo>
                    <a:pt x="44995" y="42478"/>
                    <a:pt x="45625" y="40905"/>
                    <a:pt x="45625" y="39017"/>
                  </a:cubicBezTo>
                  <a:cubicBezTo>
                    <a:pt x="45625" y="37129"/>
                    <a:pt x="44995" y="35556"/>
                    <a:pt x="43737" y="34297"/>
                  </a:cubicBezTo>
                  <a:lnTo>
                    <a:pt x="11013" y="1888"/>
                  </a:lnTo>
                  <a:cubicBezTo>
                    <a:pt x="8496" y="-629"/>
                    <a:pt x="4405" y="-629"/>
                    <a:pt x="1888" y="1888"/>
                  </a:cubicBezTo>
                  <a:cubicBezTo>
                    <a:pt x="-629" y="4405"/>
                    <a:pt x="-629" y="8496"/>
                    <a:pt x="1888" y="11013"/>
                  </a:cubicBezTo>
                  <a:lnTo>
                    <a:pt x="34297" y="43737"/>
                  </a:lnTo>
                  <a:close/>
                </a:path>
              </a:pathLst>
            </a:custGeom>
            <a:solidFill>
              <a:schemeClr val="tx1"/>
            </a:solidFill>
            <a:ln w="313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" name="Freeform 90">
              <a:extLst>
                <a:ext uri="{FF2B5EF4-FFF2-40B4-BE49-F238E27FC236}">
                  <a16:creationId xmlns:a16="http://schemas.microsoft.com/office/drawing/2014/main" id="{5971B4A8-4713-C4FD-363E-AD4F952604F3}"/>
                </a:ext>
              </a:extLst>
            </p:cNvPr>
            <p:cNvSpPr/>
            <p:nvPr/>
          </p:nvSpPr>
          <p:spPr>
            <a:xfrm>
              <a:off x="9438554" y="2408780"/>
              <a:ext cx="45665" cy="45939"/>
            </a:xfrm>
            <a:custGeom>
              <a:avLst/>
              <a:gdLst>
                <a:gd name="connsiteX0" fmla="*/ 43737 w 45665"/>
                <a:gd name="connsiteY0" fmla="*/ 1888 h 45939"/>
                <a:gd name="connsiteX1" fmla="*/ 34612 w 45665"/>
                <a:gd name="connsiteY1" fmla="*/ 1888 h 45939"/>
                <a:gd name="connsiteX2" fmla="*/ 1888 w 45665"/>
                <a:gd name="connsiteY2" fmla="*/ 34612 h 45939"/>
                <a:gd name="connsiteX3" fmla="*/ 0 w 45665"/>
                <a:gd name="connsiteY3" fmla="*/ 39332 h 45939"/>
                <a:gd name="connsiteX4" fmla="*/ 1888 w 45665"/>
                <a:gd name="connsiteY4" fmla="*/ 44051 h 45939"/>
                <a:gd name="connsiteX5" fmla="*/ 6608 w 45665"/>
                <a:gd name="connsiteY5" fmla="*/ 45939 h 45939"/>
                <a:gd name="connsiteX6" fmla="*/ 6608 w 45665"/>
                <a:gd name="connsiteY6" fmla="*/ 45939 h 45939"/>
                <a:gd name="connsiteX7" fmla="*/ 11327 w 45665"/>
                <a:gd name="connsiteY7" fmla="*/ 44051 h 45939"/>
                <a:gd name="connsiteX8" fmla="*/ 44051 w 45665"/>
                <a:gd name="connsiteY8" fmla="*/ 11328 h 45939"/>
                <a:gd name="connsiteX9" fmla="*/ 43737 w 45665"/>
                <a:gd name="connsiteY9" fmla="*/ 1888 h 459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45665" h="45939">
                  <a:moveTo>
                    <a:pt x="43737" y="1888"/>
                  </a:moveTo>
                  <a:cubicBezTo>
                    <a:pt x="41220" y="-629"/>
                    <a:pt x="37129" y="-629"/>
                    <a:pt x="34612" y="1888"/>
                  </a:cubicBezTo>
                  <a:lnTo>
                    <a:pt x="1888" y="34612"/>
                  </a:lnTo>
                  <a:cubicBezTo>
                    <a:pt x="629" y="35870"/>
                    <a:pt x="0" y="37444"/>
                    <a:pt x="0" y="39332"/>
                  </a:cubicBezTo>
                  <a:cubicBezTo>
                    <a:pt x="0" y="41220"/>
                    <a:pt x="629" y="42793"/>
                    <a:pt x="1888" y="44051"/>
                  </a:cubicBezTo>
                  <a:cubicBezTo>
                    <a:pt x="3147" y="45310"/>
                    <a:pt x="4720" y="45939"/>
                    <a:pt x="6608" y="45939"/>
                  </a:cubicBezTo>
                  <a:cubicBezTo>
                    <a:pt x="6608" y="45939"/>
                    <a:pt x="6608" y="45939"/>
                    <a:pt x="6608" y="45939"/>
                  </a:cubicBezTo>
                  <a:cubicBezTo>
                    <a:pt x="8496" y="45939"/>
                    <a:pt x="10069" y="45310"/>
                    <a:pt x="11327" y="44051"/>
                  </a:cubicBezTo>
                  <a:lnTo>
                    <a:pt x="44051" y="11328"/>
                  </a:lnTo>
                  <a:cubicBezTo>
                    <a:pt x="46254" y="8496"/>
                    <a:pt x="46254" y="4405"/>
                    <a:pt x="43737" y="1888"/>
                  </a:cubicBezTo>
                  <a:close/>
                </a:path>
              </a:pathLst>
            </a:custGeom>
            <a:solidFill>
              <a:schemeClr val="tx1"/>
            </a:solidFill>
            <a:ln w="313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" name="Freeform 91">
              <a:extLst>
                <a:ext uri="{FF2B5EF4-FFF2-40B4-BE49-F238E27FC236}">
                  <a16:creationId xmlns:a16="http://schemas.microsoft.com/office/drawing/2014/main" id="{AAE065BB-E7D1-E0EC-A04C-9E5E9ADBE328}"/>
                </a:ext>
              </a:extLst>
            </p:cNvPr>
            <p:cNvSpPr/>
            <p:nvPr/>
          </p:nvSpPr>
          <p:spPr>
            <a:xfrm>
              <a:off x="9483550" y="2522369"/>
              <a:ext cx="59469" cy="13215"/>
            </a:xfrm>
            <a:custGeom>
              <a:avLst/>
              <a:gdLst>
                <a:gd name="connsiteX0" fmla="*/ 52862 w 59469"/>
                <a:gd name="connsiteY0" fmla="*/ 0 h 13215"/>
                <a:gd name="connsiteX1" fmla="*/ 6608 w 59469"/>
                <a:gd name="connsiteY1" fmla="*/ 0 h 13215"/>
                <a:gd name="connsiteX2" fmla="*/ 6608 w 59469"/>
                <a:gd name="connsiteY2" fmla="*/ 0 h 13215"/>
                <a:gd name="connsiteX3" fmla="*/ 1888 w 59469"/>
                <a:gd name="connsiteY3" fmla="*/ 1888 h 13215"/>
                <a:gd name="connsiteX4" fmla="*/ 0 w 59469"/>
                <a:gd name="connsiteY4" fmla="*/ 6608 h 13215"/>
                <a:gd name="connsiteX5" fmla="*/ 6608 w 59469"/>
                <a:gd name="connsiteY5" fmla="*/ 13215 h 13215"/>
                <a:gd name="connsiteX6" fmla="*/ 52862 w 59469"/>
                <a:gd name="connsiteY6" fmla="*/ 13215 h 13215"/>
                <a:gd name="connsiteX7" fmla="*/ 52862 w 59469"/>
                <a:gd name="connsiteY7" fmla="*/ 13215 h 13215"/>
                <a:gd name="connsiteX8" fmla="*/ 59469 w 59469"/>
                <a:gd name="connsiteY8" fmla="*/ 6608 h 13215"/>
                <a:gd name="connsiteX9" fmla="*/ 52862 w 59469"/>
                <a:gd name="connsiteY9" fmla="*/ 0 h 132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59469" h="13215">
                  <a:moveTo>
                    <a:pt x="52862" y="0"/>
                  </a:moveTo>
                  <a:lnTo>
                    <a:pt x="6608" y="0"/>
                  </a:lnTo>
                  <a:cubicBezTo>
                    <a:pt x="6608" y="0"/>
                    <a:pt x="6608" y="0"/>
                    <a:pt x="6608" y="0"/>
                  </a:cubicBezTo>
                  <a:cubicBezTo>
                    <a:pt x="4720" y="0"/>
                    <a:pt x="3147" y="629"/>
                    <a:pt x="1888" y="1888"/>
                  </a:cubicBezTo>
                  <a:cubicBezTo>
                    <a:pt x="629" y="3147"/>
                    <a:pt x="0" y="4720"/>
                    <a:pt x="0" y="6608"/>
                  </a:cubicBezTo>
                  <a:cubicBezTo>
                    <a:pt x="0" y="10069"/>
                    <a:pt x="2832" y="13215"/>
                    <a:pt x="6608" y="13215"/>
                  </a:cubicBezTo>
                  <a:lnTo>
                    <a:pt x="52862" y="13215"/>
                  </a:lnTo>
                  <a:cubicBezTo>
                    <a:pt x="52862" y="13215"/>
                    <a:pt x="52862" y="13215"/>
                    <a:pt x="52862" y="13215"/>
                  </a:cubicBezTo>
                  <a:cubicBezTo>
                    <a:pt x="56323" y="13215"/>
                    <a:pt x="59469" y="10384"/>
                    <a:pt x="59469" y="6608"/>
                  </a:cubicBezTo>
                  <a:cubicBezTo>
                    <a:pt x="59155" y="2832"/>
                    <a:pt x="56323" y="0"/>
                    <a:pt x="52862" y="0"/>
                  </a:cubicBezTo>
                  <a:close/>
                </a:path>
              </a:pathLst>
            </a:custGeom>
            <a:solidFill>
              <a:schemeClr val="tx1"/>
            </a:solidFill>
            <a:ln w="313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grpSp>
          <p:nvGrpSpPr>
            <p:cNvPr id="93" name="Picture Placeholder 32">
              <a:extLst>
                <a:ext uri="{FF2B5EF4-FFF2-40B4-BE49-F238E27FC236}">
                  <a16:creationId xmlns:a16="http://schemas.microsoft.com/office/drawing/2014/main" id="{2927B40E-3575-562D-723A-97140BE6EBED}"/>
                </a:ext>
              </a:extLst>
            </p:cNvPr>
            <p:cNvGrpSpPr/>
            <p:nvPr/>
          </p:nvGrpSpPr>
          <p:grpSpPr>
            <a:xfrm>
              <a:off x="9251965" y="2435211"/>
              <a:ext cx="205159" cy="188791"/>
              <a:chOff x="9328165" y="2435211"/>
              <a:chExt cx="205159" cy="188791"/>
            </a:xfrm>
            <a:solidFill>
              <a:schemeClr val="tx1"/>
            </a:solidFill>
          </p:grpSpPr>
          <p:sp>
            <p:nvSpPr>
              <p:cNvPr id="95" name="Freeform 94">
                <a:extLst>
                  <a:ext uri="{FF2B5EF4-FFF2-40B4-BE49-F238E27FC236}">
                    <a16:creationId xmlns:a16="http://schemas.microsoft.com/office/drawing/2014/main" id="{C13F790A-BD30-C5BB-A44D-0E0A3FC560AF}"/>
                  </a:ext>
                </a:extLst>
              </p:cNvPr>
              <p:cNvSpPr/>
              <p:nvPr/>
            </p:nvSpPr>
            <p:spPr>
              <a:xfrm>
                <a:off x="9328165" y="2435211"/>
                <a:ext cx="205159" cy="188791"/>
              </a:xfrm>
              <a:custGeom>
                <a:avLst/>
                <a:gdLst>
                  <a:gd name="connsiteX0" fmla="*/ 170227 w 205159"/>
                  <a:gd name="connsiteY0" fmla="*/ 25172 h 188791"/>
                  <a:gd name="connsiteX1" fmla="*/ 102891 w 205159"/>
                  <a:gd name="connsiteY1" fmla="*/ 0 h 188791"/>
                  <a:gd name="connsiteX2" fmla="*/ 102577 w 205159"/>
                  <a:gd name="connsiteY2" fmla="*/ 0 h 188791"/>
                  <a:gd name="connsiteX3" fmla="*/ 35556 w 205159"/>
                  <a:gd name="connsiteY3" fmla="*/ 25172 h 188791"/>
                  <a:gd name="connsiteX4" fmla="*/ 0 w 205159"/>
                  <a:gd name="connsiteY4" fmla="*/ 102577 h 188791"/>
                  <a:gd name="connsiteX5" fmla="*/ 29263 w 205159"/>
                  <a:gd name="connsiteY5" fmla="*/ 174318 h 188791"/>
                  <a:gd name="connsiteX6" fmla="*/ 30836 w 205159"/>
                  <a:gd name="connsiteY6" fmla="*/ 175891 h 188791"/>
                  <a:gd name="connsiteX7" fmla="*/ 34297 w 205159"/>
                  <a:gd name="connsiteY7" fmla="*/ 179667 h 188791"/>
                  <a:gd name="connsiteX8" fmla="*/ 41534 w 205159"/>
                  <a:gd name="connsiteY8" fmla="*/ 188792 h 188791"/>
                  <a:gd name="connsiteX9" fmla="*/ 56952 w 205159"/>
                  <a:gd name="connsiteY9" fmla="*/ 188792 h 188791"/>
                  <a:gd name="connsiteX10" fmla="*/ 49715 w 205159"/>
                  <a:gd name="connsiteY10" fmla="*/ 177779 h 188791"/>
                  <a:gd name="connsiteX11" fmla="*/ 41534 w 205159"/>
                  <a:gd name="connsiteY11" fmla="*/ 168339 h 188791"/>
                  <a:gd name="connsiteX12" fmla="*/ 39961 w 205159"/>
                  <a:gd name="connsiteY12" fmla="*/ 166766 h 188791"/>
                  <a:gd name="connsiteX13" fmla="*/ 13215 w 205159"/>
                  <a:gd name="connsiteY13" fmla="*/ 102577 h 188791"/>
                  <a:gd name="connsiteX14" fmla="*/ 53806 w 205159"/>
                  <a:gd name="connsiteY14" fmla="*/ 27689 h 188791"/>
                  <a:gd name="connsiteX15" fmla="*/ 102891 w 205159"/>
                  <a:gd name="connsiteY15" fmla="*/ 12901 h 188791"/>
                  <a:gd name="connsiteX16" fmla="*/ 151977 w 205159"/>
                  <a:gd name="connsiteY16" fmla="*/ 27689 h 188791"/>
                  <a:gd name="connsiteX17" fmla="*/ 192253 w 205159"/>
                  <a:gd name="connsiteY17" fmla="*/ 102577 h 188791"/>
                  <a:gd name="connsiteX18" fmla="*/ 165193 w 205159"/>
                  <a:gd name="connsiteY18" fmla="*/ 166766 h 188791"/>
                  <a:gd name="connsiteX19" fmla="*/ 163305 w 205159"/>
                  <a:gd name="connsiteY19" fmla="*/ 168654 h 188791"/>
                  <a:gd name="connsiteX20" fmla="*/ 155439 w 205159"/>
                  <a:gd name="connsiteY20" fmla="*/ 177779 h 188791"/>
                  <a:gd name="connsiteX21" fmla="*/ 148202 w 205159"/>
                  <a:gd name="connsiteY21" fmla="*/ 188792 h 188791"/>
                  <a:gd name="connsiteX22" fmla="*/ 163620 w 205159"/>
                  <a:gd name="connsiteY22" fmla="*/ 188792 h 188791"/>
                  <a:gd name="connsiteX23" fmla="*/ 170857 w 205159"/>
                  <a:gd name="connsiteY23" fmla="*/ 179981 h 188791"/>
                  <a:gd name="connsiteX24" fmla="*/ 174318 w 205159"/>
                  <a:gd name="connsiteY24" fmla="*/ 176206 h 188791"/>
                  <a:gd name="connsiteX25" fmla="*/ 176206 w 205159"/>
                  <a:gd name="connsiteY25" fmla="*/ 174318 h 188791"/>
                  <a:gd name="connsiteX26" fmla="*/ 205154 w 205159"/>
                  <a:gd name="connsiteY26" fmla="*/ 102892 h 188791"/>
                  <a:gd name="connsiteX27" fmla="*/ 170227 w 205159"/>
                  <a:gd name="connsiteY27" fmla="*/ 25172 h 188791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</a:cxnLst>
                <a:rect l="l" t="t" r="r" b="b"/>
                <a:pathLst>
                  <a:path w="205159" h="188791">
                    <a:moveTo>
                      <a:pt x="170227" y="25172"/>
                    </a:moveTo>
                    <a:cubicBezTo>
                      <a:pt x="151663" y="8810"/>
                      <a:pt x="127749" y="0"/>
                      <a:pt x="102891" y="0"/>
                    </a:cubicBezTo>
                    <a:cubicBezTo>
                      <a:pt x="102891" y="0"/>
                      <a:pt x="102891" y="0"/>
                      <a:pt x="102577" y="0"/>
                    </a:cubicBezTo>
                    <a:cubicBezTo>
                      <a:pt x="78034" y="0"/>
                      <a:pt x="54120" y="8810"/>
                      <a:pt x="35556" y="25172"/>
                    </a:cubicBezTo>
                    <a:cubicBezTo>
                      <a:pt x="12901" y="44681"/>
                      <a:pt x="0" y="72999"/>
                      <a:pt x="0" y="102577"/>
                    </a:cubicBezTo>
                    <a:cubicBezTo>
                      <a:pt x="0" y="129637"/>
                      <a:pt x="10384" y="155124"/>
                      <a:pt x="29263" y="174318"/>
                    </a:cubicBezTo>
                    <a:lnTo>
                      <a:pt x="30836" y="175891"/>
                    </a:lnTo>
                    <a:cubicBezTo>
                      <a:pt x="32095" y="177150"/>
                      <a:pt x="33353" y="178408"/>
                      <a:pt x="34297" y="179667"/>
                    </a:cubicBezTo>
                    <a:cubicBezTo>
                      <a:pt x="36814" y="182499"/>
                      <a:pt x="39332" y="185645"/>
                      <a:pt x="41534" y="188792"/>
                    </a:cubicBezTo>
                    <a:lnTo>
                      <a:pt x="56952" y="188792"/>
                    </a:lnTo>
                    <a:cubicBezTo>
                      <a:pt x="54750" y="185016"/>
                      <a:pt x="52232" y="181240"/>
                      <a:pt x="49715" y="177779"/>
                    </a:cubicBezTo>
                    <a:cubicBezTo>
                      <a:pt x="47198" y="174318"/>
                      <a:pt x="44366" y="171171"/>
                      <a:pt x="41534" y="168339"/>
                    </a:cubicBezTo>
                    <a:lnTo>
                      <a:pt x="39961" y="166766"/>
                    </a:lnTo>
                    <a:cubicBezTo>
                      <a:pt x="22655" y="149775"/>
                      <a:pt x="12901" y="126805"/>
                      <a:pt x="13215" y="102577"/>
                    </a:cubicBezTo>
                    <a:cubicBezTo>
                      <a:pt x="13215" y="72370"/>
                      <a:pt x="28633" y="44366"/>
                      <a:pt x="53806" y="27689"/>
                    </a:cubicBezTo>
                    <a:cubicBezTo>
                      <a:pt x="68594" y="17935"/>
                      <a:pt x="85271" y="12901"/>
                      <a:pt x="102891" y="12901"/>
                    </a:cubicBezTo>
                    <a:cubicBezTo>
                      <a:pt x="120512" y="12901"/>
                      <a:pt x="137503" y="17935"/>
                      <a:pt x="151977" y="27689"/>
                    </a:cubicBezTo>
                    <a:cubicBezTo>
                      <a:pt x="177464" y="44366"/>
                      <a:pt x="192568" y="72370"/>
                      <a:pt x="192253" y="102577"/>
                    </a:cubicBezTo>
                    <a:cubicBezTo>
                      <a:pt x="192253" y="126805"/>
                      <a:pt x="182499" y="149460"/>
                      <a:pt x="165193" y="166766"/>
                    </a:cubicBezTo>
                    <a:lnTo>
                      <a:pt x="163305" y="168654"/>
                    </a:lnTo>
                    <a:cubicBezTo>
                      <a:pt x="160473" y="171486"/>
                      <a:pt x="157956" y="174318"/>
                      <a:pt x="155439" y="177779"/>
                    </a:cubicBezTo>
                    <a:cubicBezTo>
                      <a:pt x="152607" y="181240"/>
                      <a:pt x="150404" y="185016"/>
                      <a:pt x="148202" y="188792"/>
                    </a:cubicBezTo>
                    <a:lnTo>
                      <a:pt x="163620" y="188792"/>
                    </a:lnTo>
                    <a:cubicBezTo>
                      <a:pt x="165822" y="185645"/>
                      <a:pt x="168025" y="182813"/>
                      <a:pt x="170857" y="179981"/>
                    </a:cubicBezTo>
                    <a:cubicBezTo>
                      <a:pt x="172115" y="178723"/>
                      <a:pt x="173374" y="177464"/>
                      <a:pt x="174318" y="176206"/>
                    </a:cubicBezTo>
                    <a:lnTo>
                      <a:pt x="176206" y="174318"/>
                    </a:lnTo>
                    <a:cubicBezTo>
                      <a:pt x="194770" y="155124"/>
                      <a:pt x="205154" y="129637"/>
                      <a:pt x="205154" y="102892"/>
                    </a:cubicBezTo>
                    <a:cubicBezTo>
                      <a:pt x="205468" y="72999"/>
                      <a:pt x="192882" y="44681"/>
                      <a:pt x="170227" y="25172"/>
                    </a:cubicBezTo>
                    <a:close/>
                  </a:path>
                </a:pathLst>
              </a:custGeom>
              <a:grpFill/>
              <a:ln w="3135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  <p:sp>
            <p:nvSpPr>
              <p:cNvPr id="96" name="Freeform 95">
                <a:extLst>
                  <a:ext uri="{FF2B5EF4-FFF2-40B4-BE49-F238E27FC236}">
                    <a16:creationId xmlns:a16="http://schemas.microsoft.com/office/drawing/2014/main" id="{6E74AA7A-C17E-88A8-8889-D9B0725645F7}"/>
                  </a:ext>
                </a:extLst>
              </p:cNvPr>
              <p:cNvSpPr/>
              <p:nvPr/>
            </p:nvSpPr>
            <p:spPr>
              <a:xfrm>
                <a:off x="9386376" y="2492792"/>
                <a:ext cx="89046" cy="131210"/>
              </a:xfrm>
              <a:custGeom>
                <a:avLst/>
                <a:gdLst>
                  <a:gd name="connsiteX0" fmla="*/ 50974 w 89046"/>
                  <a:gd name="connsiteY0" fmla="*/ 130896 h 131210"/>
                  <a:gd name="connsiteX1" fmla="*/ 50974 w 89046"/>
                  <a:gd name="connsiteY1" fmla="*/ 88732 h 131210"/>
                  <a:gd name="connsiteX2" fmla="*/ 89047 w 89046"/>
                  <a:gd name="connsiteY2" fmla="*/ 44681 h 131210"/>
                  <a:gd name="connsiteX3" fmla="*/ 76146 w 89046"/>
                  <a:gd name="connsiteY3" fmla="*/ 13215 h 131210"/>
                  <a:gd name="connsiteX4" fmla="*/ 44681 w 89046"/>
                  <a:gd name="connsiteY4" fmla="*/ 0 h 131210"/>
                  <a:gd name="connsiteX5" fmla="*/ 44681 w 89046"/>
                  <a:gd name="connsiteY5" fmla="*/ 0 h 131210"/>
                  <a:gd name="connsiteX6" fmla="*/ 0 w 89046"/>
                  <a:gd name="connsiteY6" fmla="*/ 44681 h 131210"/>
                  <a:gd name="connsiteX7" fmla="*/ 0 w 89046"/>
                  <a:gd name="connsiteY7" fmla="*/ 44995 h 131210"/>
                  <a:gd name="connsiteX8" fmla="*/ 38073 w 89046"/>
                  <a:gd name="connsiteY8" fmla="*/ 89047 h 131210"/>
                  <a:gd name="connsiteX9" fmla="*/ 38073 w 89046"/>
                  <a:gd name="connsiteY9" fmla="*/ 131210 h 131210"/>
                  <a:gd name="connsiteX10" fmla="*/ 50974 w 89046"/>
                  <a:gd name="connsiteY10" fmla="*/ 131210 h 131210"/>
                  <a:gd name="connsiteX11" fmla="*/ 13215 w 89046"/>
                  <a:gd name="connsiteY11" fmla="*/ 44681 h 131210"/>
                  <a:gd name="connsiteX12" fmla="*/ 11642 w 89046"/>
                  <a:gd name="connsiteY12" fmla="*/ 44681 h 131210"/>
                  <a:gd name="connsiteX13" fmla="*/ 13215 w 89046"/>
                  <a:gd name="connsiteY13" fmla="*/ 44681 h 131210"/>
                  <a:gd name="connsiteX14" fmla="*/ 22655 w 89046"/>
                  <a:gd name="connsiteY14" fmla="*/ 22340 h 131210"/>
                  <a:gd name="connsiteX15" fmla="*/ 44995 w 89046"/>
                  <a:gd name="connsiteY15" fmla="*/ 13215 h 131210"/>
                  <a:gd name="connsiteX16" fmla="*/ 44995 w 89046"/>
                  <a:gd name="connsiteY16" fmla="*/ 13215 h 131210"/>
                  <a:gd name="connsiteX17" fmla="*/ 67336 w 89046"/>
                  <a:gd name="connsiteY17" fmla="*/ 22655 h 131210"/>
                  <a:gd name="connsiteX18" fmla="*/ 76461 w 89046"/>
                  <a:gd name="connsiteY18" fmla="*/ 44995 h 131210"/>
                  <a:gd name="connsiteX19" fmla="*/ 44995 w 89046"/>
                  <a:gd name="connsiteY19" fmla="*/ 76461 h 131210"/>
                  <a:gd name="connsiteX20" fmla="*/ 44995 w 89046"/>
                  <a:gd name="connsiteY20" fmla="*/ 76461 h 131210"/>
                  <a:gd name="connsiteX21" fmla="*/ 13215 w 89046"/>
                  <a:gd name="connsiteY21" fmla="*/ 44681 h 1312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89046" h="131210">
                    <a:moveTo>
                      <a:pt x="50974" y="130896"/>
                    </a:moveTo>
                    <a:lnTo>
                      <a:pt x="50974" y="88732"/>
                    </a:lnTo>
                    <a:cubicBezTo>
                      <a:pt x="72685" y="85586"/>
                      <a:pt x="89047" y="67021"/>
                      <a:pt x="89047" y="44681"/>
                    </a:cubicBezTo>
                    <a:cubicBezTo>
                      <a:pt x="89047" y="32724"/>
                      <a:pt x="84327" y="21711"/>
                      <a:pt x="76146" y="13215"/>
                    </a:cubicBezTo>
                    <a:cubicBezTo>
                      <a:pt x="67650" y="4720"/>
                      <a:pt x="56638" y="0"/>
                      <a:pt x="44681" y="0"/>
                    </a:cubicBezTo>
                    <a:cubicBezTo>
                      <a:pt x="44681" y="0"/>
                      <a:pt x="44681" y="0"/>
                      <a:pt x="44681" y="0"/>
                    </a:cubicBezTo>
                    <a:cubicBezTo>
                      <a:pt x="20138" y="0"/>
                      <a:pt x="0" y="19823"/>
                      <a:pt x="0" y="44681"/>
                    </a:cubicBezTo>
                    <a:lnTo>
                      <a:pt x="0" y="44995"/>
                    </a:lnTo>
                    <a:cubicBezTo>
                      <a:pt x="0" y="67021"/>
                      <a:pt x="16362" y="85900"/>
                      <a:pt x="38073" y="89047"/>
                    </a:cubicBezTo>
                    <a:lnTo>
                      <a:pt x="38073" y="131210"/>
                    </a:lnTo>
                    <a:lnTo>
                      <a:pt x="50974" y="131210"/>
                    </a:lnTo>
                    <a:close/>
                    <a:moveTo>
                      <a:pt x="13215" y="44681"/>
                    </a:moveTo>
                    <a:lnTo>
                      <a:pt x="11642" y="44681"/>
                    </a:lnTo>
                    <a:lnTo>
                      <a:pt x="13215" y="44681"/>
                    </a:lnTo>
                    <a:cubicBezTo>
                      <a:pt x="13215" y="36185"/>
                      <a:pt x="16677" y="28319"/>
                      <a:pt x="22655" y="22340"/>
                    </a:cubicBezTo>
                    <a:cubicBezTo>
                      <a:pt x="28633" y="16362"/>
                      <a:pt x="36500" y="13215"/>
                      <a:pt x="44995" y="13215"/>
                    </a:cubicBezTo>
                    <a:cubicBezTo>
                      <a:pt x="44995" y="13215"/>
                      <a:pt x="44995" y="13215"/>
                      <a:pt x="44995" y="13215"/>
                    </a:cubicBezTo>
                    <a:cubicBezTo>
                      <a:pt x="53491" y="13215"/>
                      <a:pt x="61357" y="16677"/>
                      <a:pt x="67336" y="22655"/>
                    </a:cubicBezTo>
                    <a:cubicBezTo>
                      <a:pt x="73314" y="28633"/>
                      <a:pt x="76461" y="36500"/>
                      <a:pt x="76461" y="44995"/>
                    </a:cubicBezTo>
                    <a:cubicBezTo>
                      <a:pt x="76461" y="62301"/>
                      <a:pt x="62301" y="76461"/>
                      <a:pt x="44995" y="76461"/>
                    </a:cubicBezTo>
                    <a:cubicBezTo>
                      <a:pt x="44995" y="76461"/>
                      <a:pt x="44995" y="76461"/>
                      <a:pt x="44995" y="76461"/>
                    </a:cubicBezTo>
                    <a:cubicBezTo>
                      <a:pt x="27060" y="76461"/>
                      <a:pt x="12901" y="62301"/>
                      <a:pt x="13215" y="44681"/>
                    </a:cubicBezTo>
                    <a:close/>
                  </a:path>
                </a:pathLst>
              </a:custGeom>
              <a:grpFill/>
              <a:ln w="3135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/>
              </a:p>
            </p:txBody>
          </p:sp>
        </p:grpSp>
        <p:sp>
          <p:nvSpPr>
            <p:cNvPr id="94" name="Freeform 93">
              <a:extLst>
                <a:ext uri="{FF2B5EF4-FFF2-40B4-BE49-F238E27FC236}">
                  <a16:creationId xmlns:a16="http://schemas.microsoft.com/office/drawing/2014/main" id="{032B6657-52F6-F9C7-3C92-906446A2BCB0}"/>
                </a:ext>
              </a:extLst>
            </p:cNvPr>
            <p:cNvSpPr/>
            <p:nvPr/>
          </p:nvSpPr>
          <p:spPr>
            <a:xfrm>
              <a:off x="9436037" y="2667424"/>
              <a:ext cx="52232" cy="43422"/>
            </a:xfrm>
            <a:custGeom>
              <a:avLst/>
              <a:gdLst>
                <a:gd name="connsiteX0" fmla="*/ 47198 w 52232"/>
                <a:gd name="connsiteY0" fmla="*/ 43422 h 43422"/>
                <a:gd name="connsiteX1" fmla="*/ 0 w 52232"/>
                <a:gd name="connsiteY1" fmla="*/ 21711 h 43422"/>
                <a:gd name="connsiteX2" fmla="*/ 47198 w 52232"/>
                <a:gd name="connsiteY2" fmla="*/ 0 h 43422"/>
                <a:gd name="connsiteX3" fmla="*/ 52232 w 52232"/>
                <a:gd name="connsiteY3" fmla="*/ 11328 h 43422"/>
                <a:gd name="connsiteX4" fmla="*/ 29892 w 52232"/>
                <a:gd name="connsiteY4" fmla="*/ 21711 h 43422"/>
                <a:gd name="connsiteX5" fmla="*/ 52232 w 52232"/>
                <a:gd name="connsiteY5" fmla="*/ 31780 h 434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2232" h="43422">
                  <a:moveTo>
                    <a:pt x="47198" y="43422"/>
                  </a:moveTo>
                  <a:lnTo>
                    <a:pt x="0" y="21711"/>
                  </a:lnTo>
                  <a:lnTo>
                    <a:pt x="47198" y="0"/>
                  </a:lnTo>
                  <a:lnTo>
                    <a:pt x="52232" y="11328"/>
                  </a:lnTo>
                  <a:lnTo>
                    <a:pt x="29892" y="21711"/>
                  </a:lnTo>
                  <a:lnTo>
                    <a:pt x="52232" y="31780"/>
                  </a:lnTo>
                  <a:close/>
                </a:path>
              </a:pathLst>
            </a:custGeom>
            <a:solidFill>
              <a:schemeClr val="tx1"/>
            </a:solidFill>
            <a:ln w="313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4360598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elementConfiguration":{"binding":"{{Form.SelectClassification.Name}}","visibility":"","disableUpdates":false,"type":"text"},"type":"shape","id":"61b35a7b-bc56-4c9a-8b00-5140a42470b8"}],"transformationConfigurations":[],"templateName":"Blank-2-2","templateDescription":"","enableDocumentContentUpdater":true,"version":"2.0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150081698427248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8150081698427248","enableDocumentContentUpdater":false,"version":"2.0"}]]></TemplafySlideTemplateConfiguration>
</file>

<file path=customXml/item4.xml><?xml version="1.0" encoding="utf-8"?>
<TemplafyFormConfiguration><![CDATA[{"formFields":[{"distinct":false,"hideIfNoUserInteractionRequired":false,"required":false,"defaultValue":"INTERNAL – SAP and Partners Only","autoSelectFirstOption":false,"shareValue":false,"type":"dropDown","dataSourceName":"Classification","dataSourceFieldName":"Name","name":"SelectClassification","label":"Select Classification"}],"formDataEntries":[{"name":"SelectClassification","value":"OmrOP8d402txjl1Zr787gUA6bTWeMdaxGEF9U5BKD64="}]}]]></TemplafyFormConfiguration>
</file>

<file path=customXml/item5.xml><?xml version="1.0" encoding="utf-8"?>
<TemplafySlideTemplateConfiguration><![CDATA[{"slideVersion":1,"isValidatorEnabled":false,"isLocked":false,"elementsMetadata":[],"slideId":"637595371431722810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150081698427248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815008169842724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A39E778-4BAA-445F-BC47-A93A5BBB0A36}">
  <ds:schemaRefs/>
</ds:datastoreItem>
</file>

<file path=customXml/itemProps10.xml><?xml version="1.0" encoding="utf-8"?>
<ds:datastoreItem xmlns:ds="http://schemas.openxmlformats.org/officeDocument/2006/customXml" ds:itemID="{B4387263-8434-4308-AA60-878569176AF5}">
  <ds:schemaRefs/>
</ds:datastoreItem>
</file>

<file path=customXml/itemProps11.xml><?xml version="1.0" encoding="utf-8"?>
<ds:datastoreItem xmlns:ds="http://schemas.openxmlformats.org/officeDocument/2006/customXml" ds:itemID="{888B1570-F91C-4D92-BF7D-DC5EF0452413}">
  <ds:schemaRefs/>
</ds:datastoreItem>
</file>

<file path=customXml/itemProps12.xml><?xml version="1.0" encoding="utf-8"?>
<ds:datastoreItem xmlns:ds="http://schemas.openxmlformats.org/officeDocument/2006/customXml" ds:itemID="{952E59E5-A145-4392-8603-3FD4F36320F6}">
  <ds:schemaRefs/>
</ds:datastoreItem>
</file>

<file path=customXml/itemProps2.xml><?xml version="1.0" encoding="utf-8"?>
<ds:datastoreItem xmlns:ds="http://schemas.openxmlformats.org/officeDocument/2006/customXml" ds:itemID="{430A0358-213D-4771-BE2F-EFFC30CE7AA4}">
  <ds:schemaRefs/>
</ds:datastoreItem>
</file>

<file path=customXml/itemProps3.xml><?xml version="1.0" encoding="utf-8"?>
<ds:datastoreItem xmlns:ds="http://schemas.openxmlformats.org/officeDocument/2006/customXml" ds:itemID="{451EFC9C-AA5E-4B3B-B47A-F57717E03F87}">
  <ds:schemaRefs/>
</ds:datastoreItem>
</file>

<file path=customXml/itemProps4.xml><?xml version="1.0" encoding="utf-8"?>
<ds:datastoreItem xmlns:ds="http://schemas.openxmlformats.org/officeDocument/2006/customXml" ds:itemID="{F28D6715-76DD-4412-8ED3-64DC68A4C636}">
  <ds:schemaRefs/>
</ds:datastoreItem>
</file>

<file path=customXml/itemProps5.xml><?xml version="1.0" encoding="utf-8"?>
<ds:datastoreItem xmlns:ds="http://schemas.openxmlformats.org/officeDocument/2006/customXml" ds:itemID="{B0F9B6C1-8558-487D-A656-792C2587280C}">
  <ds:schemaRefs/>
</ds:datastoreItem>
</file>

<file path=customXml/itemProps6.xml><?xml version="1.0" encoding="utf-8"?>
<ds:datastoreItem xmlns:ds="http://schemas.openxmlformats.org/officeDocument/2006/customXml" ds:itemID="{1A996FE1-6CB0-44D1-A076-7821F67794CC}">
  <ds:schemaRefs/>
</ds:datastoreItem>
</file>

<file path=customXml/itemProps7.xml><?xml version="1.0" encoding="utf-8"?>
<ds:datastoreItem xmlns:ds="http://schemas.openxmlformats.org/officeDocument/2006/customXml" ds:itemID="{7FB634D1-837F-4004-B52C-0A81D83054B9}">
  <ds:schemaRefs/>
</ds:datastoreItem>
</file>

<file path=customXml/itemProps8.xml><?xml version="1.0" encoding="utf-8"?>
<ds:datastoreItem xmlns:ds="http://schemas.openxmlformats.org/officeDocument/2006/customXml" ds:itemID="{F233A344-E427-4609-8DB5-3C67FCDDDDF2}">
  <ds:schemaRefs/>
</ds:datastoreItem>
</file>

<file path=customXml/itemProps9.xml><?xml version="1.0" encoding="utf-8"?>
<ds:datastoreItem xmlns:ds="http://schemas.openxmlformats.org/officeDocument/2006/customXml" ds:itemID="{A85ADA9E-EE19-4E3E-940D-4F6BB01AEF1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25</Words>
  <Application>Microsoft Office PowerPoint</Application>
  <PresentationFormat>Custom</PresentationFormat>
  <Paragraphs>62</Paragraphs>
  <Slides>5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5</vt:i4>
      </vt:variant>
    </vt:vector>
  </HeadingPairs>
  <TitlesOfParts>
    <vt:vector size="13" baseType="lpstr">
      <vt:lpstr>Arial</vt:lpstr>
      <vt:lpstr>Courier New</vt:lpstr>
      <vt:lpstr>Symbol</vt:lpstr>
      <vt:lpstr>wingdings</vt:lpstr>
      <vt:lpstr>wingdings</vt:lpstr>
      <vt:lpstr>SAP 2022 16x9 white</vt:lpstr>
      <vt:lpstr>1_SAP 2022 16x9 black</vt:lpstr>
      <vt:lpstr>SAP 2022 16x9 blue</vt:lpstr>
      <vt:lpstr>PowerPoint Presentation</vt:lpstr>
      <vt:lpstr>PowerPoint Presentation</vt:lpstr>
      <vt:lpstr>PowerPoint Presentation</vt:lpstr>
      <vt:lpstr>PowerPoint Presentation</vt:lpstr>
      <vt:lpstr>The SAP Brand Tools website provides you with all the information, tools, and guidance to bring our brand strategy to life!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6-06T08:05:24Z</dcterms:created>
  <dcterms:modified xsi:type="dcterms:W3CDTF">2023-06-06T10:07:3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3-21T15:09:29</vt:lpwstr>
  </property>
  <property fmtid="{D5CDD505-2E9C-101B-9397-08002B2CF9AE}" pid="3" name="TemplafyTenantId">
    <vt:lpwstr>sap</vt:lpwstr>
  </property>
  <property fmtid="{D5CDD505-2E9C-101B-9397-08002B2CF9AE}" pid="4" name="TemplafyTemplateId">
    <vt:lpwstr>638150081678746406</vt:lpwstr>
  </property>
  <property fmtid="{D5CDD505-2E9C-101B-9397-08002B2CF9AE}" pid="5" name="TemplafyUserProfileId">
    <vt:lpwstr>637722329707392351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